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C:\Users\s129655\Desktop\"/>
    </mc:Choice>
  </mc:AlternateContent>
  <xr:revisionPtr revIDLastSave="0" documentId="13_ncr:1_{998406D4-44EA-43DE-B930-D593CFA22C03}" xr6:coauthVersionLast="47" xr6:coauthVersionMax="47" xr10:uidLastSave="{00000000-0000-0000-0000-000000000000}"/>
  <bookViews>
    <workbookView xWindow="-108" yWindow="-108" windowWidth="23256" windowHeight="12576" xr2:uid="{00000000-000D-0000-FFFF-FFFF00000000}"/>
  </bookViews>
  <sheets>
    <sheet name="令和6年度学校自己評価結果(まとめ） " sheetId="5" r:id="rId1"/>
    <sheet name="Sheet1" sheetId="2" r:id="rId2"/>
  </sheets>
  <definedNames>
    <definedName name="_xlnm.Print_Area" localSheetId="0">'令和6年度学校自己評価結果(まとめ） '!$A$1:$Q$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L12" i="5" l="1"/>
  <c r="L13" i="5"/>
  <c r="L14" i="5"/>
  <c r="L15" i="5"/>
  <c r="L16" i="5"/>
  <c r="L17" i="5"/>
  <c r="L18" i="5"/>
  <c r="L11" i="5"/>
  <c r="L19" i="5"/>
  <c r="L20" i="5"/>
  <c r="L21" i="5"/>
  <c r="L22" i="5"/>
  <c r="L23" i="5"/>
  <c r="L24" i="5"/>
  <c r="L25" i="5"/>
  <c r="L26" i="5"/>
  <c r="L27" i="5"/>
  <c r="L28" i="5"/>
  <c r="L29" i="5"/>
  <c r="L30" i="5"/>
  <c r="L31" i="5"/>
  <c r="L32" i="5"/>
  <c r="L33" i="5"/>
  <c r="L34" i="5"/>
  <c r="L35" i="5"/>
  <c r="L36" i="5"/>
</calcChain>
</file>

<file path=xl/sharedStrings.xml><?xml version="1.0" encoding="utf-8"?>
<sst xmlns="http://schemas.openxmlformats.org/spreadsheetml/2006/main" count="136" uniqueCount="112">
  <si>
    <t>重点目標</t>
  </si>
  <si>
    <t>実践的指導力と専門性の向上</t>
  </si>
  <si>
    <t>計画性を持った研修の実施</t>
  </si>
  <si>
    <t>確かな人権意識の育成</t>
  </si>
  <si>
    <t>いじめ問題への対応</t>
  </si>
  <si>
    <t>性に関する指導</t>
  </si>
  <si>
    <t>学校給食を通した指導</t>
  </si>
  <si>
    <t>保護者及び地域への情報発信</t>
  </si>
  <si>
    <t>広報「ちくさ」及び「学部・学年だより」により情報提供を行う。</t>
  </si>
  <si>
    <t>親切で適切な対応</t>
  </si>
  <si>
    <t>授業公開</t>
  </si>
  <si>
    <t>個人情報の管理</t>
  </si>
  <si>
    <t>理解啓発</t>
  </si>
  <si>
    <t>教育相談</t>
  </si>
  <si>
    <t>関係機関との連携</t>
  </si>
  <si>
    <t>認定資格への対応</t>
  </si>
  <si>
    <t>就労体験活動の実施</t>
  </si>
  <si>
    <t>居住地校交流</t>
  </si>
  <si>
    <t>学校間交流</t>
  </si>
  <si>
    <t>勤務時間の適正化</t>
  </si>
  <si>
    <t>番
号</t>
    <rPh sb="0" eb="1">
      <t>バン</t>
    </rPh>
    <rPh sb="2" eb="3">
      <t>ゴウ</t>
    </rPh>
    <phoneticPr fontId="3"/>
  </si>
  <si>
    <t>部</t>
    <rPh sb="0" eb="1">
      <t>ブ</t>
    </rPh>
    <phoneticPr fontId="3"/>
  </si>
  <si>
    <t>評価項目</t>
    <rPh sb="0" eb="2">
      <t>ヒョウカ</t>
    </rPh>
    <rPh sb="2" eb="4">
      <t>コウモク</t>
    </rPh>
    <phoneticPr fontId="3"/>
  </si>
  <si>
    <t>実践目標</t>
    <rPh sb="0" eb="2">
      <t>ジッセン</t>
    </rPh>
    <rPh sb="2" eb="4">
      <t>モクヒョウ</t>
    </rPh>
    <phoneticPr fontId="3"/>
  </si>
  <si>
    <t>評価欄（名）</t>
    <rPh sb="0" eb="2">
      <t>ヒョウカ</t>
    </rPh>
    <rPh sb="2" eb="3">
      <t>ラン</t>
    </rPh>
    <rPh sb="4" eb="5">
      <t>メイ</t>
    </rPh>
    <phoneticPr fontId="3"/>
  </si>
  <si>
    <t>平均</t>
    <rPh sb="0" eb="2">
      <t>ヘイキン</t>
    </rPh>
    <phoneticPr fontId="3"/>
  </si>
  <si>
    <t>授業へのICT活用の活性化に努めるために授業研究や活用事例の研究等に努める。SNS対策などを含めた情報モラル教育への取組を進める。</t>
    <rPh sb="41" eb="43">
      <t>タイサク</t>
    </rPh>
    <rPh sb="46" eb="47">
      <t>フク</t>
    </rPh>
    <rPh sb="49" eb="51">
      <t>ジョウホウ</t>
    </rPh>
    <rPh sb="54" eb="56">
      <t>キョウイク</t>
    </rPh>
    <rPh sb="58" eb="60">
      <t>トリクミ</t>
    </rPh>
    <rPh sb="61" eb="62">
      <t>スス</t>
    </rPh>
    <phoneticPr fontId="3"/>
  </si>
  <si>
    <t>教務</t>
    <phoneticPr fontId="3"/>
  </si>
  <si>
    <t>相談</t>
    <phoneticPr fontId="3"/>
  </si>
  <si>
    <t>個々の課題を明確にした
「個別の指導計画」の作成</t>
    <phoneticPr fontId="3"/>
  </si>
  <si>
    <t>保護者との対話を通して、目標を確認する機会を持ち、家庭と学校が同一方向を向いた指導を展開できる計画の作成を行う。</t>
    <rPh sb="0" eb="3">
      <t>ホゴシャ</t>
    </rPh>
    <rPh sb="5" eb="7">
      <t>タイワ</t>
    </rPh>
    <rPh sb="8" eb="9">
      <t>トオ</t>
    </rPh>
    <rPh sb="12" eb="14">
      <t>モクヒョウ</t>
    </rPh>
    <rPh sb="15" eb="17">
      <t>カクニン</t>
    </rPh>
    <rPh sb="19" eb="21">
      <t>キカイ</t>
    </rPh>
    <rPh sb="22" eb="23">
      <t>モ</t>
    </rPh>
    <rPh sb="25" eb="27">
      <t>カテイ</t>
    </rPh>
    <rPh sb="28" eb="30">
      <t>ガッコウ</t>
    </rPh>
    <rPh sb="31" eb="33">
      <t>ドウイツ</t>
    </rPh>
    <rPh sb="33" eb="35">
      <t>ホウコウ</t>
    </rPh>
    <rPh sb="36" eb="37">
      <t>ム</t>
    </rPh>
    <rPh sb="39" eb="41">
      <t>シドウ</t>
    </rPh>
    <rPh sb="42" eb="44">
      <t>テンカイ</t>
    </rPh>
    <rPh sb="47" eb="49">
      <t>ケイカク</t>
    </rPh>
    <rPh sb="50" eb="52">
      <t>サクセイ</t>
    </rPh>
    <rPh sb="53" eb="54">
      <t>オコナ</t>
    </rPh>
    <phoneticPr fontId="3"/>
  </si>
  <si>
    <t>「個別の教育支援計画」の
作成と活用</t>
    <phoneticPr fontId="3"/>
  </si>
  <si>
    <t>相談担当者と学部・学年が連携し、「個別の教育支援計画」に基づく引継ぎを行い、指導に活かす。保護者や関係機関とともに「個別の教育支援計画」を作成し、アセスメントに基づいた支援を行う。</t>
    <phoneticPr fontId="3"/>
  </si>
  <si>
    <t>生指</t>
    <phoneticPr fontId="3"/>
  </si>
  <si>
    <t>保健</t>
    <phoneticPr fontId="3"/>
  </si>
  <si>
    <t>学校保健・学校安全に関する指導</t>
    <rPh sb="0" eb="2">
      <t>ガッコウ</t>
    </rPh>
    <rPh sb="2" eb="4">
      <t>ホケン</t>
    </rPh>
    <rPh sb="5" eb="7">
      <t>ガッコウ</t>
    </rPh>
    <rPh sb="7" eb="9">
      <t>アンゼン</t>
    </rPh>
    <rPh sb="10" eb="11">
      <t>カン</t>
    </rPh>
    <rPh sb="13" eb="15">
      <t>シドウ</t>
    </rPh>
    <phoneticPr fontId="3"/>
  </si>
  <si>
    <t>信頼される
学校づくり</t>
    <phoneticPr fontId="3"/>
  </si>
  <si>
    <t>総務</t>
    <phoneticPr fontId="3"/>
  </si>
  <si>
    <t>日ごろの連絡帳でのやり取りやPTA役員会等で保護者の意見や疑問点など受け、丁寧に対応する。</t>
    <rPh sb="0" eb="1">
      <t>ヒ</t>
    </rPh>
    <rPh sb="4" eb="7">
      <t>レンラクチョウ</t>
    </rPh>
    <rPh sb="11" eb="12">
      <t>ト</t>
    </rPh>
    <rPh sb="17" eb="20">
      <t>ヤクインカイ</t>
    </rPh>
    <rPh sb="20" eb="21">
      <t>トウ</t>
    </rPh>
    <rPh sb="22" eb="25">
      <t>ホゴシャ</t>
    </rPh>
    <rPh sb="26" eb="28">
      <t>イケン</t>
    </rPh>
    <rPh sb="29" eb="32">
      <t>ギモンテン</t>
    </rPh>
    <rPh sb="34" eb="35">
      <t>ウ</t>
    </rPh>
    <rPh sb="37" eb="39">
      <t>テイネイ</t>
    </rPh>
    <rPh sb="40" eb="42">
      <t>タイオウ</t>
    </rPh>
    <phoneticPr fontId="3"/>
  </si>
  <si>
    <t>消防署、警察署等の協力を得て、火災避難訓練、地震津波避難訓練、不審者対応研修を計画・実施する。</t>
    <phoneticPr fontId="3"/>
  </si>
  <si>
    <t>活動を通して個性を発揮し、積極性や社会性、コミュニケーション能力を育むことができるように、児童生徒会活動や交流活動、体験活動等を計画的に行う。</t>
    <rPh sb="45" eb="47">
      <t>ジドウ</t>
    </rPh>
    <rPh sb="50" eb="52">
      <t>カツドウ</t>
    </rPh>
    <phoneticPr fontId="3"/>
  </si>
  <si>
    <t>情報部の協力のもと、個人情報データについてはファイルサーバを活用して管理する。また、紙媒体に関しては、鍵付きロッカーに保管することを徹底する。</t>
    <rPh sb="0" eb="2">
      <t>ジョウホウ</t>
    </rPh>
    <rPh sb="2" eb="3">
      <t>ブ</t>
    </rPh>
    <rPh sb="4" eb="6">
      <t>キョウリョク</t>
    </rPh>
    <rPh sb="10" eb="12">
      <t>コジン</t>
    </rPh>
    <rPh sb="12" eb="14">
      <t>ジョウホウ</t>
    </rPh>
    <rPh sb="30" eb="32">
      <t>カツヨウ</t>
    </rPh>
    <rPh sb="34" eb="36">
      <t>カンリ</t>
    </rPh>
    <rPh sb="42" eb="43">
      <t>カミ</t>
    </rPh>
    <rPh sb="43" eb="45">
      <t>バイタイ</t>
    </rPh>
    <rPh sb="46" eb="47">
      <t>カン</t>
    </rPh>
    <rPh sb="51" eb="52">
      <t>カギ</t>
    </rPh>
    <rPh sb="52" eb="53">
      <t>ツ</t>
    </rPh>
    <rPh sb="59" eb="61">
      <t>ホカン</t>
    </rPh>
    <rPh sb="66" eb="68">
      <t>テッテイ</t>
    </rPh>
    <phoneticPr fontId="3"/>
  </si>
  <si>
    <t>重
点
目
標
２</t>
    <phoneticPr fontId="3"/>
  </si>
  <si>
    <t>地域のニーズに基づいたテーマで公開講座を行う。「職員向けの広報誌（支援部だより）」や「保護者向けの広報誌（きゃっちぼーる）」を発行し、理解啓発・情報発信に努める。</t>
    <phoneticPr fontId="3"/>
  </si>
  <si>
    <t>重
点
目
標
３</t>
    <phoneticPr fontId="3"/>
  </si>
  <si>
    <t>個に応じた
キャリア
教育</t>
    <phoneticPr fontId="3"/>
  </si>
  <si>
    <t>進路</t>
    <phoneticPr fontId="3"/>
  </si>
  <si>
    <t>本校児童生徒が居住する地域の友だちと親しく触れ合い、お互いの様子を理解し社会性を養うため、児童生徒自身の意思を尊重した交流を計画する。</t>
    <rPh sb="45" eb="47">
      <t>ジドウ</t>
    </rPh>
    <rPh sb="47" eb="49">
      <t>セイト</t>
    </rPh>
    <rPh sb="49" eb="51">
      <t>ジシン</t>
    </rPh>
    <rPh sb="52" eb="54">
      <t>イシ</t>
    </rPh>
    <rPh sb="55" eb="57">
      <t>ソンチョウ</t>
    </rPh>
    <rPh sb="59" eb="61">
      <t>コウリュウ</t>
    </rPh>
    <rPh sb="62" eb="64">
      <t>ケイカク</t>
    </rPh>
    <phoneticPr fontId="3"/>
  </si>
  <si>
    <t>本校の児童生徒への理解の促進と特別支援教育に対する啓発を進めるために、障害の実態やそれに伴う配慮事項を適切に伝え、担当者間の連絡を密にとる。</t>
    <rPh sb="35" eb="37">
      <t>ショウガイ</t>
    </rPh>
    <rPh sb="38" eb="40">
      <t>ジッタイ</t>
    </rPh>
    <rPh sb="44" eb="45">
      <t>トモナ</t>
    </rPh>
    <rPh sb="46" eb="48">
      <t>ハイリョ</t>
    </rPh>
    <rPh sb="48" eb="50">
      <t>ジコウ</t>
    </rPh>
    <rPh sb="51" eb="53">
      <t>テキセツ</t>
    </rPh>
    <rPh sb="54" eb="55">
      <t>ツタ</t>
    </rPh>
    <rPh sb="57" eb="60">
      <t>タントウシャ</t>
    </rPh>
    <rPh sb="60" eb="61">
      <t>カン</t>
    </rPh>
    <rPh sb="62" eb="64">
      <t>レンラク</t>
    </rPh>
    <rPh sb="65" eb="66">
      <t>ミツ</t>
    </rPh>
    <phoneticPr fontId="3"/>
  </si>
  <si>
    <t>重
点
目
標
５</t>
    <phoneticPr fontId="3"/>
  </si>
  <si>
    <t>学校業務の
見直し</t>
    <phoneticPr fontId="3"/>
  </si>
  <si>
    <t>校運</t>
    <phoneticPr fontId="3"/>
  </si>
  <si>
    <t>業務の効率化</t>
    <rPh sb="0" eb="2">
      <t>ギョウム</t>
    </rPh>
    <phoneticPr fontId="3"/>
  </si>
  <si>
    <t>重
点
目
標
１</t>
    <phoneticPr fontId="3"/>
  </si>
  <si>
    <t>指導体制の
確立</t>
    <phoneticPr fontId="3"/>
  </si>
  <si>
    <t>情報</t>
    <phoneticPr fontId="3"/>
  </si>
  <si>
    <t>年２回以上の職員研修を行い、職員の人権意識を高めるとともに、人権教育全体計画をもとに児童生徒に対しても発達段階に応じた人権教育を行う。</t>
    <phoneticPr fontId="3"/>
  </si>
  <si>
    <t>児童生徒がいじめを行ったり、いじめに遭ったりすることを予防し、いじめが起こった際には迅速かつ組織的に対応ができるように、全職員がいじめ対応能力の向上を図る。</t>
    <phoneticPr fontId="3"/>
  </si>
  <si>
    <t>危機管理に関する
実践的な研修と訓練</t>
    <phoneticPr fontId="3"/>
  </si>
  <si>
    <t>センター的
機能</t>
    <phoneticPr fontId="3"/>
  </si>
  <si>
    <t>教育方針</t>
    <rPh sb="0" eb="2">
      <t>キョウイク</t>
    </rPh>
    <rPh sb="2" eb="4">
      <t>ホウシン</t>
    </rPh>
    <phoneticPr fontId="3"/>
  </si>
  <si>
    <t>重点目標</t>
    <rPh sb="0" eb="2">
      <t>ジュウテン</t>
    </rPh>
    <rPh sb="2" eb="4">
      <t>モクヒョウ</t>
    </rPh>
    <phoneticPr fontId="3"/>
  </si>
  <si>
    <t>１．研修・授業研究等を通して教職員の専門性の一層の向上を図り、保護者・地域から信頼される学校づくりを推進する。
２．淡路地区唯一の特別支援学校として、関係機関と連携し地域支援活動を充実させ、特別支援学校のセンター的機能を果たす。
３．将来の社会的自立に向け現場実習・作業学習・体験活動の機会を充実させ、個に応じたキャリア教育を推進する。
４．近隣校及び地域との交流及び共同学習を計画的に行い、障害のある児童生徒に対する理解を促進する。
５．学校業務の見直しに組織的に取り組み、業務の効率化を図ることで教職員の勤務時間の適正化をさらに進める。</t>
    <rPh sb="220" eb="222">
      <t>ガッコウ</t>
    </rPh>
    <rPh sb="222" eb="224">
      <t>ギョウム</t>
    </rPh>
    <rPh sb="225" eb="227">
      <t>ミナオ</t>
    </rPh>
    <rPh sb="229" eb="232">
      <t>ソシキテキ</t>
    </rPh>
    <rPh sb="233" eb="234">
      <t>ト</t>
    </rPh>
    <rPh sb="235" eb="236">
      <t>ク</t>
    </rPh>
    <rPh sb="238" eb="240">
      <t>ギョウム</t>
    </rPh>
    <rPh sb="241" eb="244">
      <t>コウリツカ</t>
    </rPh>
    <rPh sb="245" eb="246">
      <t>ハカ</t>
    </rPh>
    <rPh sb="250" eb="253">
      <t>キョウショクイン</t>
    </rPh>
    <rPh sb="254" eb="256">
      <t>キンム</t>
    </rPh>
    <rPh sb="256" eb="258">
      <t>ジカン</t>
    </rPh>
    <rPh sb="259" eb="262">
      <t>テキセイカ</t>
    </rPh>
    <rPh sb="266" eb="267">
      <t>スス</t>
    </rPh>
    <phoneticPr fontId="3"/>
  </si>
  <si>
    <t>　児童生徒一人一人のニーズに応じた教育的支援を行い、自立や社会参加に必要な能力の伸長に努める。また、特別支援学校のセンター的機能を充実させ、特別支援教育の理解・啓発を推進する。</t>
    <rPh sb="1" eb="3">
      <t>ジドウ</t>
    </rPh>
    <rPh sb="3" eb="5">
      <t>セイト</t>
    </rPh>
    <rPh sb="5" eb="7">
      <t>ヒトリ</t>
    </rPh>
    <rPh sb="7" eb="9">
      <t>ヒトリ</t>
    </rPh>
    <rPh sb="14" eb="15">
      <t>オウ</t>
    </rPh>
    <rPh sb="17" eb="19">
      <t>キョウイク</t>
    </rPh>
    <rPh sb="19" eb="20">
      <t>テキ</t>
    </rPh>
    <rPh sb="20" eb="22">
      <t>シエン</t>
    </rPh>
    <rPh sb="23" eb="24">
      <t>オコナ</t>
    </rPh>
    <rPh sb="26" eb="28">
      <t>ジリツ</t>
    </rPh>
    <rPh sb="29" eb="31">
      <t>シャカイ</t>
    </rPh>
    <rPh sb="31" eb="33">
      <t>サンカ</t>
    </rPh>
    <rPh sb="34" eb="36">
      <t>ヒツヨウ</t>
    </rPh>
    <rPh sb="37" eb="39">
      <t>ノウリョク</t>
    </rPh>
    <rPh sb="40" eb="42">
      <t>シンチョウ</t>
    </rPh>
    <rPh sb="43" eb="44">
      <t>ツト</t>
    </rPh>
    <rPh sb="50" eb="52">
      <t>トクベツ</t>
    </rPh>
    <rPh sb="52" eb="54">
      <t>シエン</t>
    </rPh>
    <rPh sb="54" eb="56">
      <t>ガッコウ</t>
    </rPh>
    <rPh sb="61" eb="62">
      <t>テキ</t>
    </rPh>
    <rPh sb="62" eb="64">
      <t>キノウ</t>
    </rPh>
    <rPh sb="65" eb="67">
      <t>ジュウジツ</t>
    </rPh>
    <rPh sb="70" eb="72">
      <t>トクベツ</t>
    </rPh>
    <rPh sb="72" eb="74">
      <t>シエン</t>
    </rPh>
    <rPh sb="74" eb="76">
      <t>キョウイク</t>
    </rPh>
    <rPh sb="77" eb="79">
      <t>リカイ</t>
    </rPh>
    <rPh sb="80" eb="82">
      <t>ケイハツ</t>
    </rPh>
    <rPh sb="83" eb="85">
      <t>スイシン</t>
    </rPh>
    <phoneticPr fontId="3"/>
  </si>
  <si>
    <t>１．研修・授業研究等を通して教職員の専門性の一層の向上を図り、保護者・地域から信頼される学校づくりを推進する。
２．淡路地区唯一の特別支援学校として、関係機関と連携し地域支援活動を充実させ、特別支援学校のセンター的機能を果たす。
３．将来の社会的自立に向け現場実習・作業学習・体験活動の機会を充実させ、個に応じたキャリア教育を推進する。
４．近隣校及び地域との交流及び共同学習を計画的に行い、障害のある児童生徒に対する理解を促進する。
５．学校業務の見直しに組織的に取り組む。業務の効率化を図ることで教職員の勤務時間の適正化をさらに進める。また、業務遂行に関して服務規律の向上に邁進する。</t>
    <rPh sb="220" eb="222">
      <t>ガッコウ</t>
    </rPh>
    <rPh sb="222" eb="224">
      <t>ギョウム</t>
    </rPh>
    <rPh sb="225" eb="227">
      <t>ミナオ</t>
    </rPh>
    <rPh sb="229" eb="232">
      <t>ソシキテキ</t>
    </rPh>
    <rPh sb="233" eb="234">
      <t>ト</t>
    </rPh>
    <rPh sb="235" eb="236">
      <t>ク</t>
    </rPh>
    <rPh sb="238" eb="240">
      <t>ギョウム</t>
    </rPh>
    <rPh sb="241" eb="244">
      <t>コウリツカ</t>
    </rPh>
    <rPh sb="245" eb="246">
      <t>ハカ</t>
    </rPh>
    <rPh sb="250" eb="253">
      <t>キョウショクイン</t>
    </rPh>
    <rPh sb="254" eb="256">
      <t>キンム</t>
    </rPh>
    <rPh sb="256" eb="258">
      <t>ジカン</t>
    </rPh>
    <rPh sb="259" eb="262">
      <t>テキセイカ</t>
    </rPh>
    <rPh sb="266" eb="267">
      <t>スス</t>
    </rPh>
    <rPh sb="273" eb="275">
      <t>ギョウム</t>
    </rPh>
    <rPh sb="275" eb="277">
      <t>スイコウ</t>
    </rPh>
    <rPh sb="278" eb="279">
      <t>カン</t>
    </rPh>
    <rPh sb="281" eb="283">
      <t>フクム</t>
    </rPh>
    <rPh sb="283" eb="285">
      <t>キリツ</t>
    </rPh>
    <rPh sb="286" eb="288">
      <t>コウジョウ</t>
    </rPh>
    <rPh sb="289" eb="291">
      <t>マイシン</t>
    </rPh>
    <phoneticPr fontId="3"/>
  </si>
  <si>
    <t>各担当教科でグループを形成し、学期に1回を目途に実践報告や相談を行い、実践指導力と専門性の向上を図る。普段の授業で副指導をする教員にコメントをもらい、自己研鑽する機会を作る。</t>
    <rPh sb="0" eb="3">
      <t>カクタントウ</t>
    </rPh>
    <rPh sb="3" eb="5">
      <t>キョウカ</t>
    </rPh>
    <rPh sb="11" eb="13">
      <t>ケイセイ</t>
    </rPh>
    <rPh sb="15" eb="17">
      <t>ガッキ</t>
    </rPh>
    <rPh sb="19" eb="20">
      <t>カイ</t>
    </rPh>
    <rPh sb="21" eb="23">
      <t>メド</t>
    </rPh>
    <rPh sb="24" eb="26">
      <t>ジッセン</t>
    </rPh>
    <rPh sb="26" eb="28">
      <t>ホウコク</t>
    </rPh>
    <rPh sb="29" eb="31">
      <t>ソウダン</t>
    </rPh>
    <rPh sb="32" eb="33">
      <t>オコナ</t>
    </rPh>
    <rPh sb="35" eb="40">
      <t>ジッセンシドウリョク</t>
    </rPh>
    <rPh sb="41" eb="44">
      <t>センモンセイ</t>
    </rPh>
    <rPh sb="45" eb="47">
      <t>コウジョウ</t>
    </rPh>
    <rPh sb="48" eb="49">
      <t>ハカ</t>
    </rPh>
    <rPh sb="51" eb="53">
      <t>フダン</t>
    </rPh>
    <rPh sb="54" eb="56">
      <t>ジュギョウ</t>
    </rPh>
    <rPh sb="57" eb="58">
      <t>フク</t>
    </rPh>
    <rPh sb="58" eb="60">
      <t>シドウ</t>
    </rPh>
    <rPh sb="63" eb="65">
      <t>キョウイン</t>
    </rPh>
    <rPh sb="75" eb="77">
      <t>ジコ</t>
    </rPh>
    <rPh sb="77" eb="79">
      <t>ケンサン</t>
    </rPh>
    <rPh sb="81" eb="83">
      <t>キカイ</t>
    </rPh>
    <rPh sb="84" eb="85">
      <t>ツク</t>
    </rPh>
    <phoneticPr fontId="3"/>
  </si>
  <si>
    <t>課題及び対応策</t>
    <rPh sb="0" eb="3">
      <t>カダイオヨ</t>
    </rPh>
    <rPh sb="4" eb="7">
      <t>タイオウサク</t>
    </rPh>
    <phoneticPr fontId="3"/>
  </si>
  <si>
    <t>R4</t>
    <phoneticPr fontId="3"/>
  </si>
  <si>
    <t>個性を活かし、社会性、積極
性を育てる体験活動の展開</t>
    <phoneticPr fontId="3"/>
  </si>
  <si>
    <t>課題：全体計画および年間指導計画による指導の実施に加え、生徒児童の発達段階（実態）を把握し個に応じた指導を充実させる。
対策：・生徒の実態に応じて適宜実施する。（実施の時、対象者、指導者の検討要）
           ・生徒の状況など生徒指導部と連携し、指導者は固定せず流動的な指導体制が望ましい。</t>
    <phoneticPr fontId="3"/>
  </si>
  <si>
    <t>R5</t>
    <phoneticPr fontId="3"/>
  </si>
  <si>
    <t>各教科・領域において性に関する指導が実施できるよう、性に関する教育の全体計画をもとに推進する。</t>
    <rPh sb="0" eb="1">
      <t>カク</t>
    </rPh>
    <rPh sb="26" eb="27">
      <t>セイ</t>
    </rPh>
    <rPh sb="28" eb="29">
      <t>カン</t>
    </rPh>
    <rPh sb="31" eb="33">
      <t>キョウイク</t>
    </rPh>
    <rPh sb="34" eb="38">
      <t>ゼンタイケイカク</t>
    </rPh>
    <phoneticPr fontId="3"/>
  </si>
  <si>
    <t>学校保健・学校安全計画を作成し、月目標を設定し管理および教育を推進する。感染予防対策については、児童・生徒の感染リスクを判断し、実態に応じた対策を継続して推奨する。</t>
    <rPh sb="0" eb="2">
      <t>ガッコウ</t>
    </rPh>
    <rPh sb="2" eb="4">
      <t>ホケン</t>
    </rPh>
    <rPh sb="5" eb="7">
      <t>ガッコウ</t>
    </rPh>
    <rPh sb="7" eb="9">
      <t>アンゼン</t>
    </rPh>
    <rPh sb="9" eb="11">
      <t>ケイカク</t>
    </rPh>
    <rPh sb="12" eb="14">
      <t>サクセイ</t>
    </rPh>
    <rPh sb="16" eb="19">
      <t>ツキモクヒョウ</t>
    </rPh>
    <rPh sb="20" eb="22">
      <t>セッテイ</t>
    </rPh>
    <rPh sb="23" eb="25">
      <t>カンリ</t>
    </rPh>
    <rPh sb="28" eb="30">
      <t>キョウイク</t>
    </rPh>
    <rPh sb="31" eb="33">
      <t>スイシン</t>
    </rPh>
    <rPh sb="36" eb="40">
      <t>カンセンヨボウ</t>
    </rPh>
    <rPh sb="40" eb="42">
      <t>タイサク</t>
    </rPh>
    <rPh sb="48" eb="50">
      <t>ジドウ</t>
    </rPh>
    <rPh sb="51" eb="53">
      <t>セイト</t>
    </rPh>
    <rPh sb="54" eb="56">
      <t>カンセン</t>
    </rPh>
    <rPh sb="60" eb="62">
      <t>ハンダン</t>
    </rPh>
    <rPh sb="64" eb="66">
      <t>ジッタイ</t>
    </rPh>
    <rPh sb="67" eb="68">
      <t>オウ</t>
    </rPh>
    <rPh sb="70" eb="72">
      <t>タイサク</t>
    </rPh>
    <rPh sb="73" eb="75">
      <t>ケイゾク</t>
    </rPh>
    <rPh sb="77" eb="79">
      <t>スイショウ</t>
    </rPh>
    <phoneticPr fontId="3"/>
  </si>
  <si>
    <t>給食献立のねらいを明確にし、生きた教材としての活用を図る（栽培野菜の活用、旬の食べ物、行事食など）。</t>
    <rPh sb="0" eb="2">
      <t>キュウショク</t>
    </rPh>
    <rPh sb="2" eb="4">
      <t>コンダテ</t>
    </rPh>
    <rPh sb="9" eb="11">
      <t>メイカク</t>
    </rPh>
    <rPh sb="14" eb="15">
      <t>イ</t>
    </rPh>
    <rPh sb="17" eb="19">
      <t>キョウザイ</t>
    </rPh>
    <rPh sb="23" eb="25">
      <t>カツヨウ</t>
    </rPh>
    <rPh sb="26" eb="27">
      <t>ハカ</t>
    </rPh>
    <rPh sb="29" eb="31">
      <t>サイバイ</t>
    </rPh>
    <rPh sb="31" eb="33">
      <t>ヤサイ</t>
    </rPh>
    <rPh sb="34" eb="36">
      <t>カツヨウ</t>
    </rPh>
    <rPh sb="37" eb="38">
      <t>シュン</t>
    </rPh>
    <rPh sb="39" eb="40">
      <t>タ</t>
    </rPh>
    <rPh sb="41" eb="42">
      <t>モノ</t>
    </rPh>
    <rPh sb="43" eb="45">
      <t>ギョウジ</t>
    </rPh>
    <rPh sb="45" eb="46">
      <t>ショク</t>
    </rPh>
    <phoneticPr fontId="3"/>
  </si>
  <si>
    <t>交流及び
共同学習</t>
    <rPh sb="0" eb="2">
      <t>コウリュウ</t>
    </rPh>
    <rPh sb="2" eb="3">
      <t>オヨ</t>
    </rPh>
    <rPh sb="5" eb="7">
      <t>キョウドウ</t>
    </rPh>
    <rPh sb="7" eb="9">
      <t>ガクシュウ</t>
    </rPh>
    <phoneticPr fontId="3"/>
  </si>
  <si>
    <t>重
点
目
標
４</t>
    <rPh sb="0" eb="1">
      <t>シゲル</t>
    </rPh>
    <rPh sb="2" eb="3">
      <t>テン</t>
    </rPh>
    <rPh sb="4" eb="5">
      <t>メ</t>
    </rPh>
    <rPh sb="6" eb="7">
      <t>ヒョウ</t>
    </rPh>
    <phoneticPr fontId="3"/>
  </si>
  <si>
    <t>課題　教員の十分な研修時間共通理解、児童生徒へのモラル対策の授業時間の確保
対策　SNS対策研修等について外部人材等にも協力を仰ぎ、関係機関の発表している資料等も活用しながら十分な授業時間と内容を確保する。</t>
    <rPh sb="0" eb="2">
      <t>カダイ</t>
    </rPh>
    <rPh sb="3" eb="5">
      <t>キョウイン</t>
    </rPh>
    <rPh sb="6" eb="8">
      <t>ジュウブン</t>
    </rPh>
    <rPh sb="9" eb="13">
      <t>ケンシュウジカン</t>
    </rPh>
    <rPh sb="13" eb="17">
      <t>キョウツウリカイ</t>
    </rPh>
    <rPh sb="18" eb="22">
      <t>ジドウセイト</t>
    </rPh>
    <rPh sb="27" eb="29">
      <t>タイサク</t>
    </rPh>
    <rPh sb="30" eb="32">
      <t>ジュギョウ</t>
    </rPh>
    <rPh sb="32" eb="34">
      <t>ジカン</t>
    </rPh>
    <rPh sb="35" eb="37">
      <t>カクホ</t>
    </rPh>
    <rPh sb="38" eb="40">
      <t>タイサク</t>
    </rPh>
    <rPh sb="55" eb="57">
      <t>ジンザイ</t>
    </rPh>
    <rPh sb="66" eb="68">
      <t>カンケイ</t>
    </rPh>
    <rPh sb="68" eb="69">
      <t>トウ</t>
    </rPh>
    <rPh sb="71" eb="73">
      <t>キョウリョク</t>
    </rPh>
    <rPh sb="74" eb="75">
      <t>アオ</t>
    </rPh>
    <rPh sb="79" eb="80">
      <t>ナド</t>
    </rPh>
    <rPh sb="81" eb="83">
      <t>カツヨウ</t>
    </rPh>
    <rPh sb="90" eb="92">
      <t>ジュギョウ</t>
    </rPh>
    <rPh sb="94" eb="97">
      <t>シリョウトウ</t>
    </rPh>
    <rPh sb="98" eb="100">
      <t>カツヨウ</t>
    </rPh>
    <rPh sb="101" eb="103">
      <t>ジュウブンジカンナイヨウカクホ</t>
    </rPh>
    <phoneticPr fontId="3"/>
  </si>
  <si>
    <t>課題　①各部教育課程の正確な理解のための研修をおこない、合わせた指導、教科指導の専門性のどちらかに焦点を当てて実施すべきであった。
　　　②授業日の発表が遅れたり、授業中のため、公開授業に行きにくい教員がいた。
対策　①次年度は、教育課程についての研修を行いつつ、授業実践をおこなっていく。教員が参加しやすいような体制作りにも取り掛かる。</t>
    <rPh sb="0" eb="2">
      <t>カダイ</t>
    </rPh>
    <rPh sb="4" eb="6">
      <t>カクブ</t>
    </rPh>
    <rPh sb="6" eb="10">
      <t>キョウイクカテイ</t>
    </rPh>
    <rPh sb="11" eb="13">
      <t>セイカク</t>
    </rPh>
    <rPh sb="14" eb="16">
      <t>リカイ</t>
    </rPh>
    <rPh sb="20" eb="22">
      <t>ケンシュウ</t>
    </rPh>
    <rPh sb="28" eb="29">
      <t>ア</t>
    </rPh>
    <rPh sb="32" eb="34">
      <t>シドウ</t>
    </rPh>
    <rPh sb="35" eb="37">
      <t>キョウカ</t>
    </rPh>
    <rPh sb="37" eb="39">
      <t>シドウ</t>
    </rPh>
    <rPh sb="40" eb="43">
      <t>センモンセイ</t>
    </rPh>
    <rPh sb="49" eb="51">
      <t>ショウテン</t>
    </rPh>
    <rPh sb="52" eb="53">
      <t>ア</t>
    </rPh>
    <rPh sb="55" eb="57">
      <t>ジッシ</t>
    </rPh>
    <rPh sb="70" eb="73">
      <t>ジュギョウビ</t>
    </rPh>
    <rPh sb="74" eb="76">
      <t>ハッピョウ</t>
    </rPh>
    <rPh sb="77" eb="78">
      <t>オク</t>
    </rPh>
    <rPh sb="82" eb="85">
      <t>ジュギョウチュウ</t>
    </rPh>
    <rPh sb="89" eb="93">
      <t>コウカイジュギョウ</t>
    </rPh>
    <rPh sb="94" eb="95">
      <t>イ</t>
    </rPh>
    <rPh sb="99" eb="101">
      <t>キョウイン</t>
    </rPh>
    <rPh sb="106" eb="108">
      <t>タイサク</t>
    </rPh>
    <rPh sb="110" eb="113">
      <t>ジネンド</t>
    </rPh>
    <rPh sb="115" eb="119">
      <t>キョウイクカテイ</t>
    </rPh>
    <rPh sb="124" eb="126">
      <t>ケンシュウ</t>
    </rPh>
    <rPh sb="127" eb="128">
      <t>オコナ</t>
    </rPh>
    <rPh sb="132" eb="136">
      <t>ジュギョウジッセン</t>
    </rPh>
    <rPh sb="145" eb="147">
      <t>キョウイン</t>
    </rPh>
    <rPh sb="148" eb="150">
      <t>サンカ</t>
    </rPh>
    <rPh sb="157" eb="160">
      <t>タイセイツク</t>
    </rPh>
    <rPh sb="163" eb="164">
      <t>ト</t>
    </rPh>
    <rPh sb="165" eb="166">
      <t>カ</t>
    </rPh>
    <phoneticPr fontId="3"/>
  </si>
  <si>
    <t>課題　外部人材を積極的に活用した療育相談件数を増やす。
対策　外部人材のスーパーバイズを活用しようとする教員の意識を高めるために積極的に広報する。</t>
    <rPh sb="0" eb="2">
      <t>カダイ</t>
    </rPh>
    <rPh sb="3" eb="7">
      <t>ガイブジンザイ</t>
    </rPh>
    <rPh sb="8" eb="11">
      <t>セッキョクテキ</t>
    </rPh>
    <rPh sb="12" eb="14">
      <t>カツヨウ</t>
    </rPh>
    <rPh sb="16" eb="20">
      <t>リョウイクソウダン</t>
    </rPh>
    <rPh sb="20" eb="22">
      <t>ケンスウ</t>
    </rPh>
    <rPh sb="23" eb="24">
      <t>フ</t>
    </rPh>
    <rPh sb="28" eb="30">
      <t>タイサク</t>
    </rPh>
    <rPh sb="31" eb="35">
      <t>ガイブジンザイ</t>
    </rPh>
    <rPh sb="44" eb="46">
      <t>カツヨウ</t>
    </rPh>
    <rPh sb="52" eb="54">
      <t>キョウイン</t>
    </rPh>
    <rPh sb="55" eb="57">
      <t>イシキ</t>
    </rPh>
    <rPh sb="58" eb="59">
      <t>タカ</t>
    </rPh>
    <rPh sb="64" eb="67">
      <t>セッキョクテキ</t>
    </rPh>
    <rPh sb="68" eb="70">
      <t>コウホウ</t>
    </rPh>
    <phoneticPr fontId="3"/>
  </si>
  <si>
    <t>評価　４月の家庭訪問や懇談等で、保護者の思いを聞き、保護者と同一の方向を向いて作成する流れができている。
対策　さらに懇談会等でその都度意思疎通を図り、齟齬のないように留意する。</t>
    <rPh sb="0" eb="2">
      <t>ヒョウカ</t>
    </rPh>
    <rPh sb="4" eb="5">
      <t>ガツ</t>
    </rPh>
    <rPh sb="6" eb="10">
      <t>カテイホウモン</t>
    </rPh>
    <rPh sb="11" eb="13">
      <t>コンダン</t>
    </rPh>
    <rPh sb="13" eb="14">
      <t>トウ</t>
    </rPh>
    <rPh sb="16" eb="19">
      <t>ホゴシャ</t>
    </rPh>
    <rPh sb="20" eb="21">
      <t>オモ</t>
    </rPh>
    <rPh sb="23" eb="24">
      <t>キ</t>
    </rPh>
    <rPh sb="26" eb="29">
      <t>ホゴシャ</t>
    </rPh>
    <rPh sb="30" eb="32">
      <t>ドウイツ</t>
    </rPh>
    <rPh sb="33" eb="35">
      <t>ホウコウ</t>
    </rPh>
    <rPh sb="36" eb="37">
      <t>ム</t>
    </rPh>
    <rPh sb="39" eb="41">
      <t>サクセイ</t>
    </rPh>
    <rPh sb="43" eb="44">
      <t>ナガ</t>
    </rPh>
    <rPh sb="53" eb="55">
      <t>タイサク</t>
    </rPh>
    <rPh sb="59" eb="62">
      <t>コンダンカイ</t>
    </rPh>
    <rPh sb="62" eb="63">
      <t>トウ</t>
    </rPh>
    <rPh sb="66" eb="68">
      <t>ツド</t>
    </rPh>
    <rPh sb="68" eb="72">
      <t>イシソツウ</t>
    </rPh>
    <rPh sb="73" eb="74">
      <t>ハカ</t>
    </rPh>
    <rPh sb="76" eb="78">
      <t>ソゴ</t>
    </rPh>
    <rPh sb="84" eb="86">
      <t>リュウイ</t>
    </rPh>
    <phoneticPr fontId="3"/>
  </si>
  <si>
    <t>課題　個別の指導計画の作成について、細部まで学校として統一が図れず、混乱することがあった。
対策　個別の指導計画の内容、記入方法等の的確な理解促進をはかり、全教員が共通理解を持つ。</t>
    <rPh sb="0" eb="2">
      <t>カダイ</t>
    </rPh>
    <rPh sb="3" eb="5">
      <t>コベツ</t>
    </rPh>
    <rPh sb="6" eb="10">
      <t>シドウケイカク</t>
    </rPh>
    <rPh sb="11" eb="13">
      <t>サクセイ</t>
    </rPh>
    <rPh sb="18" eb="20">
      <t>サイブ</t>
    </rPh>
    <rPh sb="22" eb="24">
      <t>ガッコウ</t>
    </rPh>
    <rPh sb="27" eb="29">
      <t>トウイツ</t>
    </rPh>
    <rPh sb="30" eb="31">
      <t>ハカ</t>
    </rPh>
    <rPh sb="34" eb="36">
      <t>コンラン</t>
    </rPh>
    <rPh sb="46" eb="48">
      <t>タイサク</t>
    </rPh>
    <rPh sb="49" eb="51">
      <t>コベツ</t>
    </rPh>
    <phoneticPr fontId="3"/>
  </si>
  <si>
    <t>給食だより、ひとことだより等の活用、農耕で収穫した野菜の利用、リクエストメニューなど、給食を通して食育に取り組むことができた。また、今年度より調理実習を再開したため、再度、感染や事故などの防止を念頭に、安全な調理実習に向けて検討を行い現状を鑑みた学校としてのルールを構築した。</t>
    <rPh sb="18" eb="20">
      <t>ノウコウ</t>
    </rPh>
    <rPh sb="21" eb="23">
      <t>シュウカク</t>
    </rPh>
    <rPh sb="25" eb="27">
      <t>ヤサイ</t>
    </rPh>
    <rPh sb="28" eb="30">
      <t>リヨウ</t>
    </rPh>
    <rPh sb="43" eb="45">
      <t>キュウショク</t>
    </rPh>
    <rPh sb="46" eb="47">
      <t>トオ</t>
    </rPh>
    <rPh sb="49" eb="51">
      <t>ショクイク</t>
    </rPh>
    <rPh sb="52" eb="53">
      <t>ト</t>
    </rPh>
    <rPh sb="54" eb="55">
      <t>ク</t>
    </rPh>
    <rPh sb="66" eb="69">
      <t>コンネンド</t>
    </rPh>
    <rPh sb="71" eb="75">
      <t>チョウリジッシュウ</t>
    </rPh>
    <rPh sb="76" eb="78">
      <t>サイカイ</t>
    </rPh>
    <rPh sb="83" eb="85">
      <t>サイド</t>
    </rPh>
    <rPh sb="86" eb="88">
      <t>カンセン</t>
    </rPh>
    <rPh sb="89" eb="91">
      <t>ジコ</t>
    </rPh>
    <rPh sb="94" eb="96">
      <t>ボウシ</t>
    </rPh>
    <rPh sb="97" eb="99">
      <t>ネントウ</t>
    </rPh>
    <rPh sb="101" eb="103">
      <t>アンゼン</t>
    </rPh>
    <rPh sb="104" eb="108">
      <t>チョウリジッシュウ</t>
    </rPh>
    <rPh sb="109" eb="110">
      <t>ム</t>
    </rPh>
    <rPh sb="112" eb="114">
      <t>ケントウ</t>
    </rPh>
    <rPh sb="115" eb="116">
      <t>オコナ</t>
    </rPh>
    <rPh sb="117" eb="119">
      <t>ゲンジョウ</t>
    </rPh>
    <rPh sb="120" eb="121">
      <t>カンガ</t>
    </rPh>
    <rPh sb="123" eb="125">
      <t>ガッコウ</t>
    </rPh>
    <rPh sb="133" eb="135">
      <t>コウチク</t>
    </rPh>
    <phoneticPr fontId="3"/>
  </si>
  <si>
    <t>ＰＴＡ総会や役員会で十分で活発な意見交換をおこなう。役員会での意見を重視し、検討しながら行事として実現していく。また、役員以外の保護者の意見や要望等を反映させるために、連絡帳等で保護者の意見があった場合には、漏らさずに役員会等へ持っていくような体制を構築する。</t>
    <rPh sb="3" eb="5">
      <t>ソウカイ</t>
    </rPh>
    <rPh sb="6" eb="9">
      <t>ヤクインカイ</t>
    </rPh>
    <rPh sb="10" eb="12">
      <t>ジュウブン</t>
    </rPh>
    <rPh sb="13" eb="15">
      <t>カッパツ</t>
    </rPh>
    <rPh sb="16" eb="20">
      <t>イケンコウカン</t>
    </rPh>
    <rPh sb="26" eb="29">
      <t>ヤクインカイ</t>
    </rPh>
    <rPh sb="31" eb="33">
      <t>イケン</t>
    </rPh>
    <rPh sb="34" eb="36">
      <t>ジュウシ</t>
    </rPh>
    <rPh sb="38" eb="40">
      <t>ケントウ</t>
    </rPh>
    <rPh sb="44" eb="46">
      <t>ギョウジ</t>
    </rPh>
    <rPh sb="49" eb="51">
      <t>ジツゲン</t>
    </rPh>
    <rPh sb="59" eb="63">
      <t>ヤクインイガイ</t>
    </rPh>
    <rPh sb="64" eb="67">
      <t>ホゴシャ</t>
    </rPh>
    <rPh sb="68" eb="70">
      <t>イケン</t>
    </rPh>
    <rPh sb="71" eb="74">
      <t>ヨウボウトウ</t>
    </rPh>
    <rPh sb="75" eb="77">
      <t>ハンエイ</t>
    </rPh>
    <rPh sb="84" eb="88">
      <t>レンラクチョウトウ</t>
    </rPh>
    <rPh sb="89" eb="92">
      <t>ホゴシャ</t>
    </rPh>
    <rPh sb="93" eb="95">
      <t>イケン</t>
    </rPh>
    <rPh sb="99" eb="101">
      <t>バアイ</t>
    </rPh>
    <rPh sb="104" eb="105">
      <t>モ</t>
    </rPh>
    <rPh sb="109" eb="113">
      <t>ヤクインカイトウ</t>
    </rPh>
    <rPh sb="114" eb="115">
      <t>モ</t>
    </rPh>
    <rPh sb="122" eb="124">
      <t>タイセイ</t>
    </rPh>
    <rPh sb="125" eb="127">
      <t>コウチク</t>
    </rPh>
    <phoneticPr fontId="3"/>
  </si>
  <si>
    <t>評価　ファイルサーバ上に個人情報データは保管、紙媒体は鍵のかかるロッカーに保管されている。
課題　個人ファイルは入っているロッカーの鍵をかけ忘れることが稀にある。
対応　個人ファイルが入っているロッカーは、必ず施錠することを徹底する。</t>
    <rPh sb="0" eb="2">
      <t>ヒョウカ</t>
    </rPh>
    <rPh sb="10" eb="11">
      <t>ジョウ</t>
    </rPh>
    <rPh sb="12" eb="16">
      <t>コジンジョウホウ</t>
    </rPh>
    <rPh sb="20" eb="22">
      <t>ホカン</t>
    </rPh>
    <rPh sb="23" eb="26">
      <t>カミバイタイ</t>
    </rPh>
    <rPh sb="27" eb="28">
      <t>カギ</t>
    </rPh>
    <rPh sb="37" eb="39">
      <t>ホカン</t>
    </rPh>
    <rPh sb="46" eb="48">
      <t>カダイ</t>
    </rPh>
    <rPh sb="56" eb="57">
      <t>ハイ</t>
    </rPh>
    <rPh sb="66" eb="67">
      <t>カギ</t>
    </rPh>
    <rPh sb="70" eb="71">
      <t>ワス</t>
    </rPh>
    <rPh sb="82" eb="84">
      <t>タイオウ</t>
    </rPh>
    <rPh sb="85" eb="87">
      <t>コジン</t>
    </rPh>
    <rPh sb="92" eb="93">
      <t>ハイ</t>
    </rPh>
    <rPh sb="103" eb="104">
      <t>カナラ</t>
    </rPh>
    <rPh sb="105" eb="107">
      <t>セジョウ</t>
    </rPh>
    <rPh sb="112" eb="114">
      <t>テッテイ</t>
    </rPh>
    <phoneticPr fontId="3"/>
  </si>
  <si>
    <t>課題　小中学校からの相談件数の増加に加え、高等学校の通級開始によるさらなる相談件数の増加への対応と、校内支援とのバランス。
対策　外部教育相談を整理することによるスリム化と、校内支援相談、ケース会議の充実をはかる。</t>
    <rPh sb="0" eb="2">
      <t>カダイ</t>
    </rPh>
    <rPh sb="3" eb="5">
      <t>ショウチュウ</t>
    </rPh>
    <rPh sb="5" eb="7">
      <t>ガッコウ</t>
    </rPh>
    <rPh sb="10" eb="12">
      <t>ソウダン</t>
    </rPh>
    <rPh sb="12" eb="14">
      <t>ケンスウ</t>
    </rPh>
    <rPh sb="15" eb="17">
      <t>ゾウカ</t>
    </rPh>
    <rPh sb="18" eb="19">
      <t>クワ</t>
    </rPh>
    <rPh sb="21" eb="23">
      <t>コウトウ</t>
    </rPh>
    <rPh sb="23" eb="25">
      <t>ガッコウ</t>
    </rPh>
    <rPh sb="26" eb="28">
      <t>ツウキュウ</t>
    </rPh>
    <rPh sb="28" eb="30">
      <t>カイシ</t>
    </rPh>
    <rPh sb="37" eb="39">
      <t>ソウダン</t>
    </rPh>
    <rPh sb="39" eb="41">
      <t>ケンスウ</t>
    </rPh>
    <rPh sb="42" eb="44">
      <t>ゾウカ</t>
    </rPh>
    <rPh sb="46" eb="48">
      <t>タイオウ</t>
    </rPh>
    <rPh sb="50" eb="52">
      <t>コウナイ</t>
    </rPh>
    <rPh sb="52" eb="54">
      <t>シエン</t>
    </rPh>
    <rPh sb="62" eb="64">
      <t>タイサク</t>
    </rPh>
    <rPh sb="65" eb="67">
      <t>ガイブ</t>
    </rPh>
    <rPh sb="67" eb="69">
      <t>キョウイク</t>
    </rPh>
    <rPh sb="69" eb="71">
      <t>ソウダン</t>
    </rPh>
    <rPh sb="72" eb="74">
      <t>セイリ</t>
    </rPh>
    <rPh sb="84" eb="85">
      <t>カ</t>
    </rPh>
    <rPh sb="87" eb="89">
      <t>コウナイ</t>
    </rPh>
    <rPh sb="89" eb="91">
      <t>シエン</t>
    </rPh>
    <rPh sb="91" eb="93">
      <t>ソウダン</t>
    </rPh>
    <rPh sb="97" eb="99">
      <t>カイギ</t>
    </rPh>
    <rPh sb="100" eb="102">
      <t>ジュウジツ</t>
    </rPh>
    <phoneticPr fontId="3"/>
  </si>
  <si>
    <t>課題　関係機関との間では、情報共有がなされてきている。支援機関によって生徒や保護者への伝え方が、一定せず十分な効果が発揮できないことがあった。
対応　適宜ケース会議を開き関係機関と緊密に連携し、情報発信及び共有に努める。</t>
    <rPh sb="0" eb="2">
      <t>カダイ</t>
    </rPh>
    <rPh sb="72" eb="74">
      <t>タイオウ</t>
    </rPh>
    <rPh sb="101" eb="102">
      <t>オヨ</t>
    </rPh>
    <rPh sb="103" eb="105">
      <t>キョウユウ</t>
    </rPh>
    <phoneticPr fontId="3"/>
  </si>
  <si>
    <t>課題　生徒の居住地や希望に合わせた進路開拓はおこない、新たな進路先も増えたが、一方で様々な事情により希望通りに進路先が決定しない場面も見受けられた。
対応　生徒の個々の事情、特性などを鑑みながら今後も進路先の開拓に積極的に取り組んでいく。</t>
    <rPh sb="0" eb="2">
      <t>カダイ</t>
    </rPh>
    <rPh sb="27" eb="28">
      <t>アラ</t>
    </rPh>
    <rPh sb="30" eb="32">
      <t>シンロ</t>
    </rPh>
    <rPh sb="32" eb="33">
      <t>サキ</t>
    </rPh>
    <rPh sb="34" eb="35">
      <t>フ</t>
    </rPh>
    <rPh sb="39" eb="41">
      <t>イッポウ</t>
    </rPh>
    <rPh sb="42" eb="44">
      <t>サマザマ</t>
    </rPh>
    <rPh sb="45" eb="47">
      <t>ジジョウ</t>
    </rPh>
    <rPh sb="50" eb="52">
      <t>キボウ</t>
    </rPh>
    <rPh sb="52" eb="53">
      <t>ドオ</t>
    </rPh>
    <rPh sb="55" eb="57">
      <t>シンロ</t>
    </rPh>
    <rPh sb="57" eb="58">
      <t>サキ</t>
    </rPh>
    <rPh sb="59" eb="61">
      <t>ケッテイ</t>
    </rPh>
    <rPh sb="64" eb="66">
      <t>バメン</t>
    </rPh>
    <rPh sb="67" eb="69">
      <t>ミウ</t>
    </rPh>
    <rPh sb="75" eb="77">
      <t>タイオウ</t>
    </rPh>
    <rPh sb="78" eb="80">
      <t>セイト</t>
    </rPh>
    <rPh sb="81" eb="83">
      <t>ココ</t>
    </rPh>
    <rPh sb="84" eb="86">
      <t>ジジョウ</t>
    </rPh>
    <rPh sb="87" eb="89">
      <t>トクセイ</t>
    </rPh>
    <rPh sb="92" eb="93">
      <t>カンガ</t>
    </rPh>
    <rPh sb="97" eb="99">
      <t>コンゴ</t>
    </rPh>
    <rPh sb="100" eb="102">
      <t>シンロ</t>
    </rPh>
    <rPh sb="102" eb="103">
      <t>サキ</t>
    </rPh>
    <rPh sb="104" eb="106">
      <t>カイタク</t>
    </rPh>
    <rPh sb="107" eb="110">
      <t>セッキョクテキ</t>
    </rPh>
    <rPh sb="111" eb="112">
      <t>ト</t>
    </rPh>
    <rPh sb="113" eb="114">
      <t>ク</t>
    </rPh>
    <phoneticPr fontId="3"/>
  </si>
  <si>
    <t>共有ネットワーク・グループウェアを有効に活用する。各種会議や研修会を計画的・効率的に運営、各種行事と併せて、精選と内容の見直しをおこない、業務のスリム化を図る。</t>
    <rPh sb="0" eb="2">
      <t>キョウユウ</t>
    </rPh>
    <rPh sb="17" eb="19">
      <t>ユウコウ</t>
    </rPh>
    <rPh sb="20" eb="22">
      <t>カツヨウ</t>
    </rPh>
    <rPh sb="25" eb="27">
      <t>カクシュ</t>
    </rPh>
    <rPh sb="27" eb="29">
      <t>カイギ</t>
    </rPh>
    <rPh sb="30" eb="33">
      <t>ケンシュウカイ</t>
    </rPh>
    <rPh sb="34" eb="37">
      <t>ケイカクテキ</t>
    </rPh>
    <rPh sb="38" eb="41">
      <t>コウリツテキ</t>
    </rPh>
    <rPh sb="42" eb="44">
      <t>ウンエイ</t>
    </rPh>
    <rPh sb="45" eb="47">
      <t>カクシュ</t>
    </rPh>
    <rPh sb="47" eb="49">
      <t>ギョウジ</t>
    </rPh>
    <rPh sb="50" eb="51">
      <t>アワ</t>
    </rPh>
    <rPh sb="54" eb="56">
      <t>セイセン</t>
    </rPh>
    <rPh sb="57" eb="59">
      <t>ナイヨウ</t>
    </rPh>
    <rPh sb="60" eb="62">
      <t>ミナオ</t>
    </rPh>
    <rPh sb="69" eb="71">
      <t>ギョウム</t>
    </rPh>
    <rPh sb="75" eb="76">
      <t>カ</t>
    </rPh>
    <rPh sb="77" eb="78">
      <t>ハカ</t>
    </rPh>
    <phoneticPr fontId="3"/>
  </si>
  <si>
    <t>上記の研修内容を活用しながら、日常生活の中でいじめの未然防止ができるように運営する。次年度もいじめに関するアンケートを実施し、早期発見に努める。また、教員のいじめ対応の意識向上を目指し教員向けのアンケートを実施した。組織的に動けるように学校いじめ防止基本方針を年度初めに全体に周知する。また、問題行動への未然防止対策としてプロアクティブ指導を取り入れる。</t>
    <rPh sb="0" eb="2">
      <t>ジョウキ</t>
    </rPh>
    <rPh sb="3" eb="7">
      <t>ケンシュウナイヨウ</t>
    </rPh>
    <rPh sb="8" eb="10">
      <t>カツヨウ</t>
    </rPh>
    <rPh sb="15" eb="19">
      <t>ニチジョウセイカツ</t>
    </rPh>
    <rPh sb="20" eb="21">
      <t>ナカ</t>
    </rPh>
    <rPh sb="26" eb="30">
      <t>ミゼンボウシ</t>
    </rPh>
    <rPh sb="37" eb="39">
      <t>ウンエイ</t>
    </rPh>
    <rPh sb="42" eb="45">
      <t>ジネンド</t>
    </rPh>
    <rPh sb="50" eb="51">
      <t>カン</t>
    </rPh>
    <rPh sb="59" eb="61">
      <t>ジッシ</t>
    </rPh>
    <rPh sb="63" eb="67">
      <t>ソウキハッケン</t>
    </rPh>
    <rPh sb="68" eb="69">
      <t>ツト</t>
    </rPh>
    <rPh sb="75" eb="77">
      <t>キョウイン</t>
    </rPh>
    <rPh sb="81" eb="83">
      <t>タイオウ</t>
    </rPh>
    <rPh sb="84" eb="88">
      <t>イシキコウジョウ</t>
    </rPh>
    <rPh sb="89" eb="91">
      <t>メザ</t>
    </rPh>
    <rPh sb="92" eb="95">
      <t>キョウインム</t>
    </rPh>
    <rPh sb="108" eb="111">
      <t>ソシキテキ</t>
    </rPh>
    <rPh sb="112" eb="113">
      <t>ウゴ</t>
    </rPh>
    <rPh sb="118" eb="120">
      <t>ガッコウ</t>
    </rPh>
    <rPh sb="123" eb="129">
      <t>ボウシキホンホウシン</t>
    </rPh>
    <rPh sb="130" eb="133">
      <t>ネンドハジ</t>
    </rPh>
    <rPh sb="135" eb="137">
      <t>ゼンタイ</t>
    </rPh>
    <rPh sb="138" eb="140">
      <t>シュウチ</t>
    </rPh>
    <rPh sb="146" eb="150">
      <t>モンダイコウドウ</t>
    </rPh>
    <rPh sb="152" eb="156">
      <t>ミゼンボウシ</t>
    </rPh>
    <rPh sb="156" eb="158">
      <t>タイサク</t>
    </rPh>
    <rPh sb="168" eb="170">
      <t>シドウ</t>
    </rPh>
    <rPh sb="171" eb="172">
      <t>ト</t>
    </rPh>
    <rPh sb="173" eb="174">
      <t>イ</t>
    </rPh>
    <phoneticPr fontId="3"/>
  </si>
  <si>
    <r>
      <t>今年度は予定通り</t>
    </r>
    <r>
      <rPr>
        <b/>
        <sz val="7"/>
        <rFont val="游ゴシック"/>
        <family val="3"/>
        <charset val="128"/>
      </rPr>
      <t>二</t>
    </r>
    <r>
      <rPr>
        <b/>
        <sz val="7"/>
        <rFont val="游ゴシック"/>
        <family val="3"/>
        <charset val="128"/>
        <scheme val="minor"/>
      </rPr>
      <t>度の人権研修をおこなった。特にいじめの問題に特化して研修を行った。講義を聞いた上でワークショップを行い、討論・参加型の研修となった。意見交換をおこないながら実際に即した討論ができたことにより、より身近にいじめ問題を感じることができ、日々の指導に活かせる研修となった。</t>
    </r>
    <rPh sb="0" eb="3">
      <t>コンネンド</t>
    </rPh>
    <rPh sb="4" eb="7">
      <t>ヨテイドオ</t>
    </rPh>
    <rPh sb="11" eb="15">
      <t>ジンケンケンシュウ</t>
    </rPh>
    <rPh sb="22" eb="23">
      <t>トク</t>
    </rPh>
    <rPh sb="28" eb="30">
      <t>モンダイ</t>
    </rPh>
    <rPh sb="31" eb="33">
      <t>トッカ</t>
    </rPh>
    <rPh sb="35" eb="37">
      <t>ケンシュウ</t>
    </rPh>
    <rPh sb="38" eb="39">
      <t>オコナ</t>
    </rPh>
    <rPh sb="42" eb="44">
      <t>コウギ</t>
    </rPh>
    <rPh sb="45" eb="46">
      <t>キ</t>
    </rPh>
    <rPh sb="48" eb="49">
      <t>ウエ</t>
    </rPh>
    <rPh sb="58" eb="59">
      <t>オコナ</t>
    </rPh>
    <rPh sb="61" eb="63">
      <t>トウロン</t>
    </rPh>
    <rPh sb="64" eb="66">
      <t>サンカ</t>
    </rPh>
    <rPh sb="66" eb="67">
      <t>ガタ</t>
    </rPh>
    <rPh sb="68" eb="70">
      <t>ケンシュウ</t>
    </rPh>
    <phoneticPr fontId="3"/>
  </si>
  <si>
    <t>授業参観、オープンスクール、その他行事を広報し、保護者並びに地域の方々に広く公開する。</t>
    <rPh sb="0" eb="2">
      <t>ジュギョウ</t>
    </rPh>
    <rPh sb="2" eb="4">
      <t>サンカン</t>
    </rPh>
    <rPh sb="16" eb="17">
      <t>タ</t>
    </rPh>
    <rPh sb="17" eb="19">
      <t>ギョウジ</t>
    </rPh>
    <rPh sb="20" eb="22">
      <t>コウホウ</t>
    </rPh>
    <rPh sb="24" eb="27">
      <t>ホゴシャ</t>
    </rPh>
    <rPh sb="27" eb="28">
      <t>ナラ</t>
    </rPh>
    <rPh sb="30" eb="32">
      <t>チイキ</t>
    </rPh>
    <rPh sb="33" eb="35">
      <t>カタガタ</t>
    </rPh>
    <rPh sb="36" eb="37">
      <t>ヒロ</t>
    </rPh>
    <rPh sb="38" eb="40">
      <t>コウカイ</t>
    </rPh>
    <phoneticPr fontId="3"/>
  </si>
  <si>
    <t>関係機関とも連携し、校内外の多様化するニーズに対応する。相談の質の向上と支援部員全体の専門性の向上を図る。</t>
    <phoneticPr fontId="3"/>
  </si>
  <si>
    <t>生徒の希望や適性に応じた個別現場実習等を適宜実施する。また、就労を見据えた新たな実習先を開拓する。</t>
    <rPh sb="12" eb="14">
      <t>コベツ</t>
    </rPh>
    <rPh sb="20" eb="22">
      <t>テキギ</t>
    </rPh>
    <phoneticPr fontId="3"/>
  </si>
  <si>
    <t>R6</t>
    <phoneticPr fontId="3"/>
  </si>
  <si>
    <t>課題：普段の学校生活において、教員が児童生徒への安全管理の意識を高める必要がある。
対策：大きな事故等を未然に防ぐために、ヒヤリハットの用紙を活用し、危険な状況に関する原因を周知、共有し、事故を未然に防ぐための安全管理意識を高める。</t>
    <rPh sb="3" eb="5">
      <t>フダン</t>
    </rPh>
    <rPh sb="6" eb="10">
      <t>ガッコウセイカツ</t>
    </rPh>
    <rPh sb="15" eb="17">
      <t>キョウイン</t>
    </rPh>
    <rPh sb="18" eb="22">
      <t>ジドウセイト</t>
    </rPh>
    <rPh sb="24" eb="28">
      <t>アンゼンカンリ</t>
    </rPh>
    <rPh sb="29" eb="31">
      <t>イシキ</t>
    </rPh>
    <rPh sb="32" eb="33">
      <t>タカ</t>
    </rPh>
    <rPh sb="35" eb="37">
      <t>ヒツヨウ</t>
    </rPh>
    <rPh sb="68" eb="70">
      <t>ヨウシ</t>
    </rPh>
    <rPh sb="71" eb="73">
      <t>カツヨウ</t>
    </rPh>
    <rPh sb="75" eb="77">
      <t>キケン</t>
    </rPh>
    <rPh sb="78" eb="80">
      <t>ジョウキョウ</t>
    </rPh>
    <rPh sb="81" eb="82">
      <t>カン</t>
    </rPh>
    <rPh sb="84" eb="86">
      <t>ゲンイン</t>
    </rPh>
    <rPh sb="87" eb="89">
      <t>シュウチ</t>
    </rPh>
    <rPh sb="90" eb="92">
      <t>キョウユウ</t>
    </rPh>
    <rPh sb="94" eb="96">
      <t>ジコ</t>
    </rPh>
    <rPh sb="97" eb="99">
      <t>ミゼン</t>
    </rPh>
    <rPh sb="100" eb="101">
      <t>フセ</t>
    </rPh>
    <rPh sb="105" eb="109">
      <t>アンゼンカンリ</t>
    </rPh>
    <rPh sb="109" eb="111">
      <t>イシキ</t>
    </rPh>
    <rPh sb="112" eb="113">
      <t>タカ</t>
    </rPh>
    <phoneticPr fontId="3"/>
  </si>
  <si>
    <t>対応：Garoonを使用して情報の共有化をはかること、楽メを使用することで有効かつスリム的に全職員に情報が共有できるようになった。職員朝礼等でも活用し、時間短縮になっている。配布物やアンケートのペーパーレス化、簡素化にもつながっている。各校務部等においては、共有フォルダ内の整理、担当者が必要なデータを整理したことにより、業務の引継ぎがスムーズにな率津あるが、さらに共有フォルダ内の整理・工夫を行うことにより、業務の引き継ぎがスムーズになるように図る。</t>
    <rPh sb="0" eb="2">
      <t>タイオウ</t>
    </rPh>
    <rPh sb="10" eb="12">
      <t>シヨウ</t>
    </rPh>
    <rPh sb="14" eb="16">
      <t>ジョウホウ</t>
    </rPh>
    <rPh sb="17" eb="20">
      <t>キョウユウカ</t>
    </rPh>
    <rPh sb="27" eb="28">
      <t>ラク</t>
    </rPh>
    <rPh sb="30" eb="32">
      <t>シヨウ</t>
    </rPh>
    <rPh sb="37" eb="39">
      <t>ユウコウ</t>
    </rPh>
    <rPh sb="44" eb="45">
      <t>テキ</t>
    </rPh>
    <rPh sb="46" eb="49">
      <t>ゼンショクイン</t>
    </rPh>
    <rPh sb="50" eb="52">
      <t>ジョウホウ</t>
    </rPh>
    <rPh sb="53" eb="55">
      <t>キョウユウ</t>
    </rPh>
    <rPh sb="65" eb="67">
      <t>ショクイン</t>
    </rPh>
    <rPh sb="67" eb="69">
      <t>チョウレイ</t>
    </rPh>
    <rPh sb="69" eb="70">
      <t>トウ</t>
    </rPh>
    <rPh sb="72" eb="74">
      <t>カツヨウ</t>
    </rPh>
    <rPh sb="76" eb="78">
      <t>ジカン</t>
    </rPh>
    <rPh sb="78" eb="80">
      <t>タンシュク</t>
    </rPh>
    <rPh sb="87" eb="90">
      <t>ハイフブツ</t>
    </rPh>
    <rPh sb="103" eb="104">
      <t>カ</t>
    </rPh>
    <rPh sb="105" eb="108">
      <t>カンソカ</t>
    </rPh>
    <rPh sb="118" eb="119">
      <t>カク</t>
    </rPh>
    <rPh sb="119" eb="122">
      <t>コウムブ</t>
    </rPh>
    <rPh sb="122" eb="123">
      <t>トウ</t>
    </rPh>
    <rPh sb="137" eb="139">
      <t>セイリ</t>
    </rPh>
    <rPh sb="140" eb="143">
      <t>タントウシャ</t>
    </rPh>
    <rPh sb="144" eb="146">
      <t>ヒツヨウ</t>
    </rPh>
    <rPh sb="151" eb="153">
      <t>セイリ</t>
    </rPh>
    <rPh sb="161" eb="163">
      <t>ギョウム</t>
    </rPh>
    <rPh sb="164" eb="166">
      <t>ヒキツ</t>
    </rPh>
    <rPh sb="174" eb="175">
      <t>リツ</t>
    </rPh>
    <rPh sb="175" eb="176">
      <t>ツ</t>
    </rPh>
    <rPh sb="183" eb="185">
      <t>キョウユウ</t>
    </rPh>
    <rPh sb="189" eb="190">
      <t>ナイ</t>
    </rPh>
    <rPh sb="191" eb="193">
      <t>セイリ</t>
    </rPh>
    <rPh sb="194" eb="196">
      <t>クフウ</t>
    </rPh>
    <rPh sb="197" eb="198">
      <t>オコナ</t>
    </rPh>
    <rPh sb="205" eb="207">
      <t>ギョウム</t>
    </rPh>
    <rPh sb="208" eb="209">
      <t>ヒ</t>
    </rPh>
    <rPh sb="210" eb="211">
      <t>ツ</t>
    </rPh>
    <rPh sb="223" eb="224">
      <t>ハカ</t>
    </rPh>
    <phoneticPr fontId="3"/>
  </si>
  <si>
    <t>「水曜日は定時退勤日・金曜日はノー会議デー」と意識付けをおこない、遅くとも１８：３０までには全員職員室を退室ということを目標にしていたが、完全実施には至らなかった。次年度は、月に１回だけでも完全実施、一斉帰宅を目指して取り組む。各自がタイムマネジメントを意識し、計画的、効率的に業務に取り組む。各部の業務の分担化、均一化を図る。</t>
    <rPh sb="5" eb="10">
      <t>テイジタイキンビ</t>
    </rPh>
    <rPh sb="11" eb="14">
      <t>キンヨウビ</t>
    </rPh>
    <rPh sb="23" eb="26">
      <t>イシキヅ</t>
    </rPh>
    <rPh sb="33" eb="34">
      <t>オソ</t>
    </rPh>
    <rPh sb="46" eb="48">
      <t>ゼンイン</t>
    </rPh>
    <rPh sb="48" eb="51">
      <t>ショクインシツ</t>
    </rPh>
    <rPh sb="52" eb="54">
      <t>タイシツ</t>
    </rPh>
    <rPh sb="60" eb="62">
      <t>モクヒョウ</t>
    </rPh>
    <rPh sb="69" eb="73">
      <t>カンゼンジッシ</t>
    </rPh>
    <rPh sb="75" eb="76">
      <t>イタ</t>
    </rPh>
    <rPh sb="82" eb="85">
      <t>ジネンド</t>
    </rPh>
    <rPh sb="87" eb="88">
      <t>ツキ</t>
    </rPh>
    <rPh sb="90" eb="91">
      <t>カイ</t>
    </rPh>
    <rPh sb="95" eb="99">
      <t>カンゼンジッシ</t>
    </rPh>
    <rPh sb="100" eb="102">
      <t>イッセイ</t>
    </rPh>
    <rPh sb="102" eb="104">
      <t>キタク</t>
    </rPh>
    <rPh sb="105" eb="107">
      <t>メザ</t>
    </rPh>
    <rPh sb="109" eb="110">
      <t>ト</t>
    </rPh>
    <rPh sb="111" eb="112">
      <t>ク</t>
    </rPh>
    <rPh sb="114" eb="116">
      <t>カクジ</t>
    </rPh>
    <rPh sb="127" eb="129">
      <t>イシキ</t>
    </rPh>
    <rPh sb="131" eb="133">
      <t>ケイカク</t>
    </rPh>
    <rPh sb="133" eb="134">
      <t>テキ</t>
    </rPh>
    <rPh sb="135" eb="137">
      <t>コウリツ</t>
    </rPh>
    <rPh sb="137" eb="138">
      <t>テキ</t>
    </rPh>
    <rPh sb="139" eb="141">
      <t>ギョウム</t>
    </rPh>
    <rPh sb="142" eb="143">
      <t>ト</t>
    </rPh>
    <rPh sb="144" eb="145">
      <t>ク</t>
    </rPh>
    <rPh sb="150" eb="152">
      <t>ギョウム</t>
    </rPh>
    <rPh sb="153" eb="156">
      <t>ブンタンカ</t>
    </rPh>
    <rPh sb="157" eb="160">
      <t>キンイツカ</t>
    </rPh>
    <rPh sb="161" eb="162">
      <t>ハカ</t>
    </rPh>
    <phoneticPr fontId="3"/>
  </si>
  <si>
    <t>今年度は、コロナが５類に移行されたこともあり、学校間交流を以前のように積極的に行うことができた。各学部において、学校間交流を積極的に行うことができた。高3はペア校である洲本高等学校、高2は洲本実業高等学校、高1は淡路三原高等学校、全校生は津名高等学校と、小学部は洲本市立洲本第三小学校と、中学部は青雲中学校、州浜中学校と交流を行った。</t>
    <rPh sb="23" eb="26">
      <t>ガッコウカン</t>
    </rPh>
    <rPh sb="26" eb="28">
      <t>コウリュウ</t>
    </rPh>
    <rPh sb="29" eb="31">
      <t>イゼン</t>
    </rPh>
    <rPh sb="35" eb="38">
      <t>セッキョクテキ</t>
    </rPh>
    <rPh sb="39" eb="40">
      <t>オコナ</t>
    </rPh>
    <rPh sb="48" eb="51">
      <t>カクガクブ</t>
    </rPh>
    <rPh sb="56" eb="61">
      <t>ガッコウカンコウリュウ</t>
    </rPh>
    <rPh sb="62" eb="65">
      <t>セッキョクテキ</t>
    </rPh>
    <rPh sb="66" eb="67">
      <t>オコナ</t>
    </rPh>
    <rPh sb="75" eb="76">
      <t>コウ</t>
    </rPh>
    <rPh sb="80" eb="81">
      <t>コウ</t>
    </rPh>
    <rPh sb="84" eb="90">
      <t>スモトコウトウガッコウ</t>
    </rPh>
    <rPh sb="91" eb="92">
      <t>コウ</t>
    </rPh>
    <rPh sb="94" eb="102">
      <t>スモトジツギョウコウトウガッコウ</t>
    </rPh>
    <rPh sb="103" eb="104">
      <t>コウ</t>
    </rPh>
    <rPh sb="106" eb="114">
      <t>アワジミハラコウトウガッコウ</t>
    </rPh>
    <rPh sb="115" eb="118">
      <t>ゼンコウセイ</t>
    </rPh>
    <rPh sb="119" eb="125">
      <t>ツナコウトウガッコウ</t>
    </rPh>
    <rPh sb="127" eb="130">
      <t>ショウガクブ</t>
    </rPh>
    <rPh sb="131" eb="135">
      <t>スモトシリツ</t>
    </rPh>
    <rPh sb="135" eb="142">
      <t>スモトダイサンショウガッコウ</t>
    </rPh>
    <rPh sb="144" eb="147">
      <t>チュウガクブ</t>
    </rPh>
    <rPh sb="148" eb="150">
      <t>セイウン</t>
    </rPh>
    <rPh sb="150" eb="153">
      <t>チュウガッコウ</t>
    </rPh>
    <rPh sb="154" eb="159">
      <t>スハマチュウガッコウ</t>
    </rPh>
    <rPh sb="160" eb="162">
      <t>コウリュウ</t>
    </rPh>
    <rPh sb="163" eb="164">
      <t>オコナ</t>
    </rPh>
    <phoneticPr fontId="3"/>
  </si>
  <si>
    <t>今年度は、コロナが５類に移行されたこともあり、積極的に居住地交流を活発に行うことができた。居住地交流における反省をきちんと行い、内容等に関してもインクルーシブにつながるような交流に取り掛かることができるように関係校と密に連絡を取りながら工夫をしていく必要がある。次年度からはコミスクにもかかわるため、より積極的計画的な地域交流が必要となる。居住地校交流の意図を職員、保護者、地域に理解してもらい、通常校ベースで居住地交流を進めていきたい。</t>
    <rPh sb="0" eb="3">
      <t>コンネンド</t>
    </rPh>
    <rPh sb="10" eb="11">
      <t>ルイ</t>
    </rPh>
    <rPh sb="12" eb="14">
      <t>イコウ</t>
    </rPh>
    <rPh sb="23" eb="26">
      <t>セッキョクテキ</t>
    </rPh>
    <rPh sb="27" eb="30">
      <t>キョジュウチ</t>
    </rPh>
    <rPh sb="30" eb="32">
      <t>コウリュウ</t>
    </rPh>
    <rPh sb="33" eb="35">
      <t>カッパツ</t>
    </rPh>
    <rPh sb="36" eb="37">
      <t>オコナ</t>
    </rPh>
    <rPh sb="45" eb="48">
      <t>キョジュウチ</t>
    </rPh>
    <rPh sb="48" eb="50">
      <t>コウリュウ</t>
    </rPh>
    <rPh sb="54" eb="56">
      <t>ハンセイ</t>
    </rPh>
    <rPh sb="61" eb="62">
      <t>オコナ</t>
    </rPh>
    <rPh sb="64" eb="66">
      <t>ナイヨウ</t>
    </rPh>
    <rPh sb="66" eb="67">
      <t>トウ</t>
    </rPh>
    <rPh sb="68" eb="69">
      <t>カン</t>
    </rPh>
    <rPh sb="87" eb="89">
      <t>コウリュウ</t>
    </rPh>
    <rPh sb="90" eb="91">
      <t>ト</t>
    </rPh>
    <rPh sb="104" eb="106">
      <t>カンケイ</t>
    </rPh>
    <rPh sb="106" eb="107">
      <t>コウ</t>
    </rPh>
    <rPh sb="108" eb="109">
      <t>ミツ</t>
    </rPh>
    <rPh sb="110" eb="112">
      <t>レンラク</t>
    </rPh>
    <rPh sb="113" eb="114">
      <t>ト</t>
    </rPh>
    <rPh sb="118" eb="120">
      <t>クフウ</t>
    </rPh>
    <rPh sb="125" eb="127">
      <t>ヒツヨウ</t>
    </rPh>
    <rPh sb="131" eb="134">
      <t>ジネンド</t>
    </rPh>
    <rPh sb="152" eb="155">
      <t>セッキョクテキ</t>
    </rPh>
    <rPh sb="155" eb="158">
      <t>ケイカクテキ</t>
    </rPh>
    <rPh sb="159" eb="163">
      <t>チイキコウリュウ</t>
    </rPh>
    <rPh sb="164" eb="166">
      <t>ヒツヨウ</t>
    </rPh>
    <rPh sb="170" eb="176">
      <t>キョジュウチコウコウリュウ</t>
    </rPh>
    <rPh sb="177" eb="179">
      <t>イト</t>
    </rPh>
    <rPh sb="180" eb="182">
      <t>ショクイン</t>
    </rPh>
    <rPh sb="183" eb="186">
      <t>ホゴシャ</t>
    </rPh>
    <rPh sb="187" eb="189">
      <t>チイキ</t>
    </rPh>
    <rPh sb="190" eb="192">
      <t>リカイ</t>
    </rPh>
    <rPh sb="198" eb="201">
      <t>ツウジョウコウ</t>
    </rPh>
    <rPh sb="205" eb="210">
      <t>キョジュウチコウリュウ</t>
    </rPh>
    <rPh sb="211" eb="212">
      <t>スス</t>
    </rPh>
    <phoneticPr fontId="3"/>
  </si>
  <si>
    <t>組織的な指導に一定の成果が見られた。検定会場はすべて島外だったが、参加できない生徒は校内での検定が認められたことにより、昨年度よりも大幅に検定参加者数が増え、生徒の励みにもなった。</t>
    <rPh sb="0" eb="3">
      <t>ソシキテキ</t>
    </rPh>
    <rPh sb="4" eb="6">
      <t>シドウ</t>
    </rPh>
    <rPh sb="7" eb="9">
      <t>イッテイ</t>
    </rPh>
    <rPh sb="10" eb="12">
      <t>セイカ</t>
    </rPh>
    <rPh sb="13" eb="14">
      <t>ミ</t>
    </rPh>
    <rPh sb="18" eb="22">
      <t>ケンテイカイジョウ</t>
    </rPh>
    <rPh sb="26" eb="28">
      <t>トウガイ</t>
    </rPh>
    <rPh sb="33" eb="35">
      <t>サンカ</t>
    </rPh>
    <rPh sb="39" eb="41">
      <t>セイト</t>
    </rPh>
    <rPh sb="42" eb="44">
      <t>コウナイ</t>
    </rPh>
    <rPh sb="46" eb="48">
      <t>ケンテイ</t>
    </rPh>
    <rPh sb="49" eb="50">
      <t>ミト</t>
    </rPh>
    <rPh sb="60" eb="63">
      <t>サクネンド</t>
    </rPh>
    <rPh sb="66" eb="68">
      <t>オオハバ</t>
    </rPh>
    <rPh sb="69" eb="75">
      <t>ケンテイサンカシャスウ</t>
    </rPh>
    <rPh sb="76" eb="77">
      <t>フ</t>
    </rPh>
    <rPh sb="79" eb="81">
      <t>セイト</t>
    </rPh>
    <rPh sb="82" eb="83">
      <t>ハゲ</t>
    </rPh>
    <phoneticPr fontId="3"/>
  </si>
  <si>
    <t>課題　コロナが５類に移行したが、これまでの経緯を踏まえてなるべく参加しやすい公開講座の開催方法を検討する必要がある。
対策　できるだけ参加しやすいようにオンラインと対面の併用でおこなう。しかし、内容によっては対面でないと難しいものもある。</t>
    <rPh sb="0" eb="2">
      <t>カダイ</t>
    </rPh>
    <rPh sb="8" eb="9">
      <t>ルイ</t>
    </rPh>
    <rPh sb="10" eb="12">
      <t>イコウ</t>
    </rPh>
    <rPh sb="21" eb="23">
      <t>ケイイ</t>
    </rPh>
    <rPh sb="24" eb="25">
      <t>フ</t>
    </rPh>
    <rPh sb="32" eb="34">
      <t>サンカ</t>
    </rPh>
    <rPh sb="38" eb="42">
      <t>コウカイコウザ</t>
    </rPh>
    <rPh sb="43" eb="45">
      <t>カイサイ</t>
    </rPh>
    <rPh sb="45" eb="47">
      <t>ホウホウ</t>
    </rPh>
    <rPh sb="48" eb="50">
      <t>ケントウ</t>
    </rPh>
    <rPh sb="52" eb="54">
      <t>ヒツヨウ</t>
    </rPh>
    <rPh sb="59" eb="61">
      <t>タイサク</t>
    </rPh>
    <rPh sb="67" eb="69">
      <t>サンカ</t>
    </rPh>
    <rPh sb="82" eb="84">
      <t>タイメン</t>
    </rPh>
    <rPh sb="85" eb="87">
      <t>ヘイヨウ</t>
    </rPh>
    <rPh sb="97" eb="99">
      <t>ナイヨウ</t>
    </rPh>
    <rPh sb="104" eb="106">
      <t>タイメン</t>
    </rPh>
    <rPh sb="110" eb="111">
      <t>ムズカ</t>
    </rPh>
    <phoneticPr fontId="3"/>
  </si>
  <si>
    <t>生徒会で話し合い、体育祭や学習発表会、スポーツ大会の運営に携わった。コロナでの活動制限解除により、近隣の小中高等学校との学校間交流が再開し、また、地域との交流も積極的に行うことができた。</t>
    <rPh sb="0" eb="3">
      <t>セイトカイ</t>
    </rPh>
    <rPh sb="4" eb="5">
      <t>ハナ</t>
    </rPh>
    <rPh sb="6" eb="7">
      <t>ア</t>
    </rPh>
    <rPh sb="9" eb="12">
      <t>タイイクサイ</t>
    </rPh>
    <rPh sb="13" eb="18">
      <t>ガクシュウハッピョウカイ</t>
    </rPh>
    <rPh sb="23" eb="25">
      <t>タイカイ</t>
    </rPh>
    <rPh sb="26" eb="28">
      <t>ウンエイ</t>
    </rPh>
    <rPh sb="29" eb="30">
      <t>タズサ</t>
    </rPh>
    <rPh sb="39" eb="41">
      <t>カツドウ</t>
    </rPh>
    <rPh sb="41" eb="43">
      <t>セイゲン</t>
    </rPh>
    <rPh sb="43" eb="45">
      <t>カイジョ</t>
    </rPh>
    <rPh sb="49" eb="51">
      <t>キンリン</t>
    </rPh>
    <rPh sb="52" eb="54">
      <t>ショウチュウ</t>
    </rPh>
    <rPh sb="54" eb="56">
      <t>コウトウ</t>
    </rPh>
    <rPh sb="56" eb="58">
      <t>ガッコウ</t>
    </rPh>
    <rPh sb="60" eb="63">
      <t>ガッコウカン</t>
    </rPh>
    <rPh sb="63" eb="65">
      <t>コウリュウ</t>
    </rPh>
    <rPh sb="66" eb="68">
      <t>サイカイ</t>
    </rPh>
    <rPh sb="73" eb="75">
      <t>チイキ</t>
    </rPh>
    <rPh sb="77" eb="79">
      <t>コウリュウ</t>
    </rPh>
    <rPh sb="80" eb="83">
      <t>セッキョクテキ</t>
    </rPh>
    <rPh sb="84" eb="85">
      <t>オコナ</t>
    </rPh>
    <phoneticPr fontId="3"/>
  </si>
  <si>
    <t>課題　実際に災害や事故が起こった時に教員がスムーズに動くことができる体制が正しくとられているか。　
対策　それぞれのマニュアルを随時見直し、来るべき地震に備えて訓練の回数はできる限り増やしていく。多数の行政や企業に参加していただき防災に関する経験を行った。</t>
    <rPh sb="0" eb="2">
      <t>カダイ</t>
    </rPh>
    <rPh sb="3" eb="5">
      <t>ジッサイ</t>
    </rPh>
    <rPh sb="6" eb="8">
      <t>サイガイ</t>
    </rPh>
    <rPh sb="9" eb="11">
      <t>ジコ</t>
    </rPh>
    <rPh sb="12" eb="13">
      <t>オ</t>
    </rPh>
    <rPh sb="16" eb="17">
      <t>トキ</t>
    </rPh>
    <rPh sb="18" eb="20">
      <t>キョウイン</t>
    </rPh>
    <rPh sb="26" eb="27">
      <t>ウゴ</t>
    </rPh>
    <rPh sb="34" eb="36">
      <t>タイセイ</t>
    </rPh>
    <rPh sb="37" eb="38">
      <t>タダ</t>
    </rPh>
    <rPh sb="50" eb="52">
      <t>タイサク</t>
    </rPh>
    <rPh sb="64" eb="68">
      <t>ズイジミナオ</t>
    </rPh>
    <rPh sb="70" eb="71">
      <t>キタ</t>
    </rPh>
    <rPh sb="74" eb="76">
      <t>ジシン</t>
    </rPh>
    <rPh sb="77" eb="78">
      <t>ソナ</t>
    </rPh>
    <rPh sb="80" eb="82">
      <t>クンレン</t>
    </rPh>
    <rPh sb="83" eb="85">
      <t>カイスウ</t>
    </rPh>
    <rPh sb="89" eb="90">
      <t>カギ</t>
    </rPh>
    <rPh sb="91" eb="92">
      <t>フ</t>
    </rPh>
    <rPh sb="98" eb="100">
      <t>タスウ</t>
    </rPh>
    <rPh sb="101" eb="103">
      <t>ギョウセイ</t>
    </rPh>
    <rPh sb="104" eb="106">
      <t>キギョウ</t>
    </rPh>
    <rPh sb="107" eb="109">
      <t>サンカ</t>
    </rPh>
    <rPh sb="115" eb="117">
      <t>ボウサイ</t>
    </rPh>
    <rPh sb="118" eb="119">
      <t>カン</t>
    </rPh>
    <rPh sb="121" eb="123">
      <t>ケイケン</t>
    </rPh>
    <rPh sb="124" eb="125">
      <t>オコナ</t>
    </rPh>
    <phoneticPr fontId="3"/>
  </si>
  <si>
    <t>課題　保護者が来校するときには、駐車場が多少混雑した。
対応　混雑を防ぐために対象者を実施日で限定する等、来校者数のコントロール制限をおこなう。
　　　</t>
    <rPh sb="0" eb="2">
      <t>カダイ</t>
    </rPh>
    <rPh sb="3" eb="6">
      <t>ホゴシャ</t>
    </rPh>
    <rPh sb="7" eb="9">
      <t>ライコウ</t>
    </rPh>
    <rPh sb="16" eb="19">
      <t>チュウシャジョウ</t>
    </rPh>
    <rPh sb="20" eb="22">
      <t>タショウ</t>
    </rPh>
    <rPh sb="22" eb="24">
      <t>コンザツ</t>
    </rPh>
    <rPh sb="28" eb="30">
      <t>タイオウ</t>
    </rPh>
    <rPh sb="31" eb="33">
      <t>コンザツ</t>
    </rPh>
    <rPh sb="34" eb="35">
      <t>フセ</t>
    </rPh>
    <rPh sb="39" eb="42">
      <t>タイショウシャ</t>
    </rPh>
    <rPh sb="43" eb="45">
      <t>ジッシ</t>
    </rPh>
    <rPh sb="45" eb="46">
      <t>ビ</t>
    </rPh>
    <rPh sb="47" eb="49">
      <t>ゲンテイ</t>
    </rPh>
    <rPh sb="51" eb="52">
      <t>トウ</t>
    </rPh>
    <rPh sb="53" eb="55">
      <t>ライコウ</t>
    </rPh>
    <rPh sb="55" eb="56">
      <t>シャ</t>
    </rPh>
    <rPh sb="56" eb="57">
      <t>スウ</t>
    </rPh>
    <rPh sb="64" eb="66">
      <t>セイゲン</t>
    </rPh>
    <phoneticPr fontId="3"/>
  </si>
  <si>
    <t>広報「ちくさ」を１学期と２学期に整理し、内容については、１学期号で各学部紹介から職員紹介に変えたことで、作成の負担が減少した。各学部学年だよりは月ごとに必ず作成し、児童生徒の様子を丁寧に保護者に伝えることができた。。</t>
    <rPh sb="0" eb="2">
      <t>コウホウ</t>
    </rPh>
    <rPh sb="9" eb="11">
      <t>ガッキ</t>
    </rPh>
    <rPh sb="13" eb="15">
      <t>ガッキ</t>
    </rPh>
    <rPh sb="16" eb="18">
      <t>セイリ</t>
    </rPh>
    <rPh sb="20" eb="22">
      <t>ナイヨウ</t>
    </rPh>
    <rPh sb="29" eb="32">
      <t>ガッキゴウ</t>
    </rPh>
    <rPh sb="33" eb="38">
      <t>カクガクブショウカイ</t>
    </rPh>
    <rPh sb="40" eb="44">
      <t>ショクインショウカイ</t>
    </rPh>
    <rPh sb="45" eb="46">
      <t>カ</t>
    </rPh>
    <rPh sb="52" eb="54">
      <t>サクセイ</t>
    </rPh>
    <rPh sb="55" eb="57">
      <t>フタン</t>
    </rPh>
    <rPh sb="58" eb="60">
      <t>ゲンショウ</t>
    </rPh>
    <rPh sb="63" eb="68">
      <t>カクガクブガクネン</t>
    </rPh>
    <rPh sb="72" eb="73">
      <t>ツキ</t>
    </rPh>
    <rPh sb="76" eb="77">
      <t>カナラ</t>
    </rPh>
    <rPh sb="78" eb="80">
      <t>サクセイ</t>
    </rPh>
    <rPh sb="82" eb="86">
      <t>ジドウセイト</t>
    </rPh>
    <rPh sb="87" eb="89">
      <t>ヨウス</t>
    </rPh>
    <rPh sb="90" eb="92">
      <t>テイネイ</t>
    </rPh>
    <rPh sb="93" eb="96">
      <t>ホゴシャ</t>
    </rPh>
    <rPh sb="97" eb="98">
      <t>ツタ</t>
    </rPh>
    <phoneticPr fontId="3"/>
  </si>
  <si>
    <t>課題　HPや楽メ等の有効活用とさらなる改善
対策　各学部や校務部と情報部が連携し、様々な情報を頻繁に発信できるような繋がりを構築する。</t>
    <rPh sb="0" eb="2">
      <t>カダイ</t>
    </rPh>
    <rPh sb="6" eb="7">
      <t>ラク</t>
    </rPh>
    <rPh sb="8" eb="9">
      <t>トウ</t>
    </rPh>
    <rPh sb="10" eb="14">
      <t>ユウコウカツヨウ</t>
    </rPh>
    <rPh sb="19" eb="21">
      <t>カイゼン</t>
    </rPh>
    <rPh sb="22" eb="24">
      <t>タイサク</t>
    </rPh>
    <rPh sb="25" eb="26">
      <t>カク</t>
    </rPh>
    <rPh sb="26" eb="28">
      <t>ガクブ</t>
    </rPh>
    <rPh sb="29" eb="31">
      <t>コウム</t>
    </rPh>
    <rPh sb="31" eb="32">
      <t>ブ</t>
    </rPh>
    <rPh sb="33" eb="36">
      <t>ジョウホウブ</t>
    </rPh>
    <rPh sb="37" eb="39">
      <t>レンケイ</t>
    </rPh>
    <rPh sb="41" eb="46">
      <t>サマザマナジョウホウ</t>
    </rPh>
    <rPh sb="47" eb="49">
      <t>ヒンパン</t>
    </rPh>
    <rPh sb="50" eb="52">
      <t>ハッシン</t>
    </rPh>
    <rPh sb="58" eb="59">
      <t>ツナ</t>
    </rPh>
    <rPh sb="62" eb="64">
      <t>コウチク</t>
    </rPh>
    <phoneticPr fontId="3"/>
  </si>
  <si>
    <t>令和６年度　県立あわじ特別支援学校　　学校自己評価結果</t>
    <rPh sb="0" eb="2">
      <t>レイワ</t>
    </rPh>
    <rPh sb="3" eb="5">
      <t>ネンド</t>
    </rPh>
    <rPh sb="6" eb="8">
      <t>ケンリツ</t>
    </rPh>
    <rPh sb="11" eb="13">
      <t>トクベツ</t>
    </rPh>
    <rPh sb="13" eb="15">
      <t>シエン</t>
    </rPh>
    <rPh sb="15" eb="17">
      <t>ガッコウ</t>
    </rPh>
    <rPh sb="19" eb="21">
      <t>ガッコウ</t>
    </rPh>
    <rPh sb="21" eb="23">
      <t>ジコ</t>
    </rPh>
    <rPh sb="23" eb="25">
      <t>ヒョウカ</t>
    </rPh>
    <rPh sb="25" eb="27">
      <t>ケッカ</t>
    </rPh>
    <phoneticPr fontId="3"/>
  </si>
  <si>
    <t>関リハ（言語・作業）あまリハ、外部専門家活用事業、神出学園アウトリーチ事業、スクールカウンセラー派遣事業を活用し、児童生徒の実態に即した指導法を研修し、日々の授業に役立てる。</t>
    <rPh sb="0" eb="1">
      <t>カン</t>
    </rPh>
    <rPh sb="4" eb="6">
      <t>ゲンゴ</t>
    </rPh>
    <rPh sb="7" eb="9">
      <t>サギョウ</t>
    </rPh>
    <rPh sb="15" eb="20">
      <t>ガイブセンモンカ</t>
    </rPh>
    <rPh sb="20" eb="24">
      <t>カツヨウジギョウ</t>
    </rPh>
    <rPh sb="25" eb="26">
      <t>カミ</t>
    </rPh>
    <rPh sb="26" eb="27">
      <t>デ</t>
    </rPh>
    <rPh sb="27" eb="29">
      <t>ガクエン</t>
    </rPh>
    <rPh sb="35" eb="37">
      <t>ジギョウ</t>
    </rPh>
    <rPh sb="48" eb="52">
      <t>ハケンジギョウ</t>
    </rPh>
    <phoneticPr fontId="3"/>
  </si>
  <si>
    <t>関係機関との連携を深めながら、進路に関する情報を共有し、協同して情報発信に努める。</t>
    <rPh sb="18" eb="19">
      <t>カン</t>
    </rPh>
    <rPh sb="28" eb="30">
      <t>キョウドウ</t>
    </rPh>
    <rPh sb="32" eb="34">
      <t>ジョウホウ</t>
    </rPh>
    <rPh sb="34" eb="36">
      <t>ハッシン</t>
    </rPh>
    <rPh sb="37" eb="38">
      <t>ツト</t>
    </rPh>
    <phoneticPr fontId="3"/>
  </si>
  <si>
    <t>技能検定受検に向けて組織的に取り組む。
外部人材を活用し、実践面を意識した授業づくりに資する。</t>
    <rPh sb="0" eb="4">
      <t>ギノウケンテイ</t>
    </rPh>
    <rPh sb="4" eb="6">
      <t>ジュケン</t>
    </rPh>
    <rPh sb="7" eb="8">
      <t>ム</t>
    </rPh>
    <rPh sb="10" eb="13">
      <t>ソシキテキ</t>
    </rPh>
    <rPh sb="14" eb="15">
      <t>ト</t>
    </rPh>
    <rPh sb="16" eb="17">
      <t>ク</t>
    </rPh>
    <rPh sb="20" eb="24">
      <t>ガイブジンザイ</t>
    </rPh>
    <rPh sb="25" eb="27">
      <t>カツヨウ</t>
    </rPh>
    <rPh sb="29" eb="31">
      <t>ジッセン</t>
    </rPh>
    <rPh sb="31" eb="32">
      <t>メン</t>
    </rPh>
    <rPh sb="33" eb="35">
      <t>イシキ</t>
    </rPh>
    <rPh sb="37" eb="39">
      <t>ジュギョウ</t>
    </rPh>
    <rPh sb="43" eb="44">
      <t>シ</t>
    </rPh>
    <phoneticPr fontId="3"/>
  </si>
  <si>
    <t>HPでの情報発信を活性化して各種活動情報の伝達を行う。マチコミ（楽メ）を利用した緊急時における情報伝達を行う。</t>
    <rPh sb="32" eb="33">
      <t>ラク</t>
    </rPh>
    <phoneticPr fontId="3"/>
  </si>
  <si>
    <t>定時退勤日（水曜日）の励行を目指し、職員の意識改革を図る。各自が計画的・効率的な業務遂行を工夫する。</t>
    <rPh sb="0" eb="2">
      <t>テイジ</t>
    </rPh>
    <rPh sb="2" eb="4">
      <t>タイキン</t>
    </rPh>
    <rPh sb="4" eb="5">
      <t>ビ</t>
    </rPh>
    <rPh sb="6" eb="9">
      <t>スイヨウビ</t>
    </rPh>
    <rPh sb="11" eb="13">
      <t>レイコウ</t>
    </rPh>
    <rPh sb="14" eb="16">
      <t>メザ</t>
    </rPh>
    <rPh sb="18" eb="20">
      <t>ショクイン</t>
    </rPh>
    <rPh sb="21" eb="23">
      <t>イシキ</t>
    </rPh>
    <rPh sb="23" eb="25">
      <t>カイカク</t>
    </rPh>
    <rPh sb="26" eb="27">
      <t>ハカ</t>
    </rPh>
    <rPh sb="29" eb="31">
      <t>カクジ</t>
    </rPh>
    <rPh sb="32" eb="35">
      <t>ケイカクテキ</t>
    </rPh>
    <rPh sb="36" eb="38">
      <t>コウリツ</t>
    </rPh>
    <rPh sb="38" eb="39">
      <t>テキ</t>
    </rPh>
    <rPh sb="40" eb="42">
      <t>ギョウム</t>
    </rPh>
    <rPh sb="42" eb="44">
      <t>スイコウ</t>
    </rPh>
    <rPh sb="45" eb="47">
      <t>クフ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13" x14ac:knownFonts="1">
    <font>
      <sz val="11"/>
      <color theme="1"/>
      <name val="游ゴシック"/>
      <family val="2"/>
      <charset val="128"/>
      <scheme val="minor"/>
    </font>
    <font>
      <sz val="11"/>
      <color theme="1"/>
      <name val="游ゴシック"/>
      <family val="2"/>
      <charset val="128"/>
      <scheme val="minor"/>
    </font>
    <font>
      <b/>
      <sz val="6"/>
      <color theme="1"/>
      <name val="游ゴシック"/>
      <family val="3"/>
      <charset val="128"/>
      <scheme val="minor"/>
    </font>
    <font>
      <sz val="6"/>
      <name val="游ゴシック"/>
      <family val="2"/>
      <charset val="128"/>
      <scheme val="minor"/>
    </font>
    <font>
      <sz val="9"/>
      <color theme="1"/>
      <name val="游ゴシック"/>
      <family val="2"/>
      <charset val="128"/>
      <scheme val="minor"/>
    </font>
    <font>
      <sz val="11"/>
      <name val="游ゴシック"/>
      <family val="3"/>
      <charset val="128"/>
      <scheme val="minor"/>
    </font>
    <font>
      <sz val="9"/>
      <name val="游ゴシック"/>
      <family val="3"/>
      <charset val="128"/>
      <scheme val="minor"/>
    </font>
    <font>
      <sz val="7"/>
      <name val="游ゴシック"/>
      <family val="3"/>
      <charset val="128"/>
      <scheme val="minor"/>
    </font>
    <font>
      <b/>
      <sz val="8"/>
      <name val="游ゴシック"/>
      <family val="3"/>
      <charset val="128"/>
      <scheme val="minor"/>
    </font>
    <font>
      <b/>
      <sz val="7"/>
      <name val="游ゴシック"/>
      <family val="3"/>
      <charset val="128"/>
      <scheme val="minor"/>
    </font>
    <font>
      <b/>
      <sz val="7"/>
      <name val="游ゴシック"/>
      <family val="3"/>
      <charset val="128"/>
    </font>
    <font>
      <b/>
      <sz val="11"/>
      <name val="游ゴシック"/>
      <family val="3"/>
      <charset val="128"/>
      <scheme val="minor"/>
    </font>
    <font>
      <b/>
      <sz val="6"/>
      <name val="游ゴシック"/>
      <family val="3"/>
      <charset val="128"/>
      <scheme val="minor"/>
    </font>
  </fonts>
  <fills count="2">
    <fill>
      <patternFill patternType="none"/>
    </fill>
    <fill>
      <patternFill patternType="gray125"/>
    </fill>
  </fills>
  <borders count="19">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bottom style="thin">
        <color indexed="64"/>
      </bottom>
      <diagonal/>
    </border>
    <border>
      <left style="thin">
        <color indexed="64"/>
      </left>
      <right style="medium">
        <color indexed="64"/>
      </right>
      <top/>
      <bottom style="thin">
        <color indexed="64"/>
      </bottom>
      <diagonal/>
    </border>
    <border>
      <left/>
      <right/>
      <top style="thin">
        <color indexed="64"/>
      </top>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medium">
        <color indexed="64"/>
      </top>
      <bottom/>
      <diagonal/>
    </border>
    <border>
      <left/>
      <right style="thin">
        <color indexed="64"/>
      </right>
      <top style="thin">
        <color indexed="64"/>
      </top>
      <bottom style="medium">
        <color indexed="64"/>
      </bottom>
      <diagonal/>
    </border>
  </borders>
  <cellStyleXfs count="2">
    <xf numFmtId="0" fontId="0" fillId="0" borderId="0">
      <alignment vertical="center"/>
    </xf>
    <xf numFmtId="9" fontId="1" fillId="0" borderId="0" applyFont="0" applyFill="0" applyBorder="0" applyAlignment="0" applyProtection="0">
      <alignment vertical="center"/>
    </xf>
  </cellStyleXfs>
  <cellXfs count="64">
    <xf numFmtId="0" fontId="0" fillId="0" borderId="0" xfId="0">
      <alignment vertical="center"/>
    </xf>
    <xf numFmtId="0" fontId="2" fillId="0" borderId="0" xfId="0" applyFont="1">
      <alignment vertical="center"/>
    </xf>
    <xf numFmtId="0" fontId="2" fillId="0" borderId="0" xfId="0" applyFont="1" applyAlignment="1">
      <alignment horizontal="center" vertical="center"/>
    </xf>
    <xf numFmtId="0" fontId="5" fillId="0" borderId="0" xfId="0" applyFont="1">
      <alignment vertical="center"/>
    </xf>
    <xf numFmtId="0" fontId="6" fillId="0" borderId="0" xfId="0" applyFont="1">
      <alignment vertical="center"/>
    </xf>
    <xf numFmtId="0" fontId="6" fillId="0" borderId="5" xfId="0" applyFont="1" applyBorder="1">
      <alignment vertical="center"/>
    </xf>
    <xf numFmtId="0" fontId="7" fillId="0" borderId="5" xfId="0" applyFont="1" applyBorder="1" applyAlignment="1">
      <alignment vertical="center" wrapText="1"/>
    </xf>
    <xf numFmtId="0" fontId="4" fillId="0" borderId="0" xfId="0" applyFont="1">
      <alignment vertical="center"/>
    </xf>
    <xf numFmtId="0" fontId="7" fillId="0" borderId="0" xfId="0" applyFont="1" applyAlignment="1">
      <alignment vertical="center" wrapText="1"/>
    </xf>
    <xf numFmtId="0" fontId="8" fillId="0" borderId="0" xfId="0" applyFont="1" applyAlignment="1">
      <alignment vertical="center" wrapText="1"/>
    </xf>
    <xf numFmtId="0" fontId="8" fillId="0" borderId="0" xfId="0" applyFont="1">
      <alignment vertical="center"/>
    </xf>
    <xf numFmtId="0" fontId="9" fillId="0" borderId="0" xfId="0" applyFont="1" applyAlignment="1">
      <alignment vertical="center" wrapText="1"/>
    </xf>
    <xf numFmtId="0" fontId="12" fillId="0" borderId="0" xfId="0" applyFont="1">
      <alignment vertical="center"/>
    </xf>
    <xf numFmtId="0" fontId="12" fillId="0" borderId="0" xfId="0" applyFont="1" applyAlignment="1">
      <alignment horizontal="center" vertical="center"/>
    </xf>
    <xf numFmtId="0" fontId="12" fillId="0" borderId="13" xfId="0" applyFont="1" applyBorder="1" applyAlignment="1">
      <alignment horizontal="center" vertical="center"/>
    </xf>
    <xf numFmtId="0" fontId="12" fillId="0" borderId="17" xfId="0" applyFont="1" applyBorder="1" applyAlignment="1">
      <alignment vertical="center" shrinkToFit="1"/>
    </xf>
    <xf numFmtId="0" fontId="12" fillId="0" borderId="14" xfId="0" applyFont="1" applyBorder="1" applyAlignment="1">
      <alignment vertical="center" shrinkToFit="1"/>
    </xf>
    <xf numFmtId="0" fontId="12" fillId="0" borderId="1" xfId="0" applyFont="1" applyBorder="1" applyAlignment="1">
      <alignment horizontal="center" vertical="center"/>
    </xf>
    <xf numFmtId="0" fontId="12" fillId="0" borderId="5" xfId="0" applyFont="1" applyBorder="1" applyAlignment="1">
      <alignment horizontal="center" vertical="center"/>
    </xf>
    <xf numFmtId="0" fontId="9" fillId="0" borderId="15" xfId="0" applyFont="1" applyBorder="1" applyAlignment="1">
      <alignment horizontal="center" vertical="center"/>
    </xf>
    <xf numFmtId="0" fontId="9" fillId="0" borderId="9" xfId="0" applyFont="1" applyBorder="1" applyAlignment="1">
      <alignment vertical="center" shrinkToFit="1"/>
    </xf>
    <xf numFmtId="0" fontId="9" fillId="0" borderId="11" xfId="0" applyFont="1" applyBorder="1" applyAlignment="1">
      <alignment vertical="center" shrinkToFit="1"/>
    </xf>
    <xf numFmtId="0" fontId="9" fillId="0" borderId="1" xfId="0" applyFont="1" applyBorder="1" applyAlignment="1">
      <alignment horizontal="center" vertical="center"/>
    </xf>
    <xf numFmtId="0" fontId="9" fillId="0" borderId="1" xfId="0" applyFont="1" applyBorder="1" applyAlignment="1">
      <alignment vertical="center" wrapText="1"/>
    </xf>
    <xf numFmtId="0" fontId="9" fillId="0" borderId="5" xfId="0" applyFont="1" applyBorder="1" applyAlignment="1">
      <alignment horizontal="center" vertical="center"/>
    </xf>
    <xf numFmtId="176" fontId="9" fillId="0" borderId="16" xfId="0" applyNumberFormat="1" applyFont="1" applyBorder="1">
      <alignment vertical="center"/>
    </xf>
    <xf numFmtId="0" fontId="9" fillId="0" borderId="7" xfId="0" applyFont="1" applyBorder="1" applyAlignment="1">
      <alignment horizontal="center" vertical="center"/>
    </xf>
    <xf numFmtId="176" fontId="9" fillId="0" borderId="7" xfId="0" applyNumberFormat="1" applyFont="1" applyBorder="1" applyAlignment="1">
      <alignment horizontal="center" vertical="center"/>
    </xf>
    <xf numFmtId="0" fontId="9" fillId="0" borderId="1" xfId="0" applyFont="1" applyBorder="1" applyAlignment="1">
      <alignment horizontal="center" vertical="center" wrapText="1"/>
    </xf>
    <xf numFmtId="0" fontId="9" fillId="0" borderId="1" xfId="0" applyFont="1" applyBorder="1">
      <alignment vertical="center"/>
    </xf>
    <xf numFmtId="9" fontId="9" fillId="0" borderId="1" xfId="1" applyFont="1" applyBorder="1" applyAlignment="1">
      <alignment vertical="center" wrapText="1"/>
    </xf>
    <xf numFmtId="0" fontId="9" fillId="0" borderId="18" xfId="0" applyFont="1" applyBorder="1" applyAlignment="1">
      <alignment horizontal="center" vertical="center"/>
    </xf>
    <xf numFmtId="176" fontId="9" fillId="0" borderId="18" xfId="0" applyNumberFormat="1" applyFont="1" applyBorder="1" applyAlignment="1">
      <alignment horizontal="center" vertical="center"/>
    </xf>
    <xf numFmtId="0" fontId="9" fillId="0" borderId="6" xfId="0" applyFont="1" applyBorder="1" applyAlignment="1">
      <alignment vertical="center" wrapText="1"/>
    </xf>
    <xf numFmtId="0" fontId="9" fillId="0" borderId="7" xfId="0" applyFont="1" applyBorder="1" applyAlignment="1">
      <alignment vertical="center" wrapText="1"/>
    </xf>
    <xf numFmtId="0" fontId="9" fillId="0" borderId="6" xfId="0" applyFont="1" applyBorder="1" applyAlignment="1">
      <alignment horizontal="left" vertical="top" wrapText="1"/>
    </xf>
    <xf numFmtId="0" fontId="9" fillId="0" borderId="7" xfId="0" applyFont="1" applyBorder="1" applyAlignment="1">
      <alignment horizontal="left" vertical="top" wrapText="1"/>
    </xf>
    <xf numFmtId="0" fontId="9" fillId="0" borderId="6" xfId="0" applyFont="1" applyBorder="1" applyAlignment="1">
      <alignment horizontal="left" vertical="center" wrapText="1"/>
    </xf>
    <xf numFmtId="0" fontId="9" fillId="0" borderId="7" xfId="0" applyFont="1" applyBorder="1" applyAlignment="1">
      <alignment horizontal="left" vertical="center" wrapText="1"/>
    </xf>
    <xf numFmtId="0" fontId="12" fillId="0" borderId="1" xfId="0" applyFont="1" applyBorder="1" applyAlignment="1">
      <alignment horizontal="center" vertical="center" wrapText="1"/>
    </xf>
    <xf numFmtId="0" fontId="12" fillId="0" borderId="1" xfId="0" applyFont="1" applyBorder="1" applyAlignment="1">
      <alignment horizontal="center" vertical="center"/>
    </xf>
    <xf numFmtId="58" fontId="4" fillId="0" borderId="0" xfId="0" applyNumberFormat="1" applyFont="1" applyAlignment="1">
      <alignment horizontal="right" vertical="center"/>
    </xf>
    <xf numFmtId="0" fontId="11" fillId="0" borderId="0" xfId="0" applyFont="1" applyAlignment="1">
      <alignment horizontal="center" vertical="center"/>
    </xf>
    <xf numFmtId="0" fontId="12" fillId="0" borderId="2" xfId="0" applyFont="1" applyBorder="1" applyAlignment="1">
      <alignment horizontal="center" vertical="center" wrapText="1"/>
    </xf>
    <xf numFmtId="0" fontId="12" fillId="0" borderId="4" xfId="0" applyFont="1" applyBorder="1" applyAlignment="1">
      <alignment horizontal="center" vertical="center" wrapText="1"/>
    </xf>
    <xf numFmtId="0" fontId="12" fillId="0" borderId="3" xfId="0" applyFont="1" applyBorder="1" applyAlignment="1">
      <alignment horizontal="center" vertical="center" wrapText="1"/>
    </xf>
    <xf numFmtId="0" fontId="9" fillId="0" borderId="2" xfId="0" applyFont="1" applyBorder="1" applyAlignment="1">
      <alignment horizontal="left" vertical="center"/>
    </xf>
    <xf numFmtId="0" fontId="9" fillId="0" borderId="3" xfId="0" applyFont="1" applyBorder="1" applyAlignment="1">
      <alignment horizontal="left" vertical="center"/>
    </xf>
    <xf numFmtId="0" fontId="8" fillId="0" borderId="1" xfId="0" applyFont="1" applyBorder="1" applyAlignment="1">
      <alignment horizontal="center" vertical="center"/>
    </xf>
    <xf numFmtId="0" fontId="12" fillId="0" borderId="5" xfId="0" applyFont="1" applyBorder="1" applyAlignment="1">
      <alignment horizontal="center" vertical="center"/>
    </xf>
    <xf numFmtId="0" fontId="2" fillId="0" borderId="0" xfId="0" applyFont="1" applyAlignment="1">
      <alignment horizontal="center" vertical="center" wrapText="1"/>
    </xf>
    <xf numFmtId="0" fontId="2" fillId="0" borderId="0" xfId="0" applyFont="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5" xfId="0" applyFont="1" applyBorder="1" applyAlignment="1">
      <alignment horizontal="center" vertical="center" wrapText="1"/>
    </xf>
    <xf numFmtId="0" fontId="8" fillId="0" borderId="6" xfId="0" applyFont="1" applyBorder="1" applyAlignment="1">
      <alignment horizontal="center" vertical="center" wrapText="1"/>
    </xf>
    <xf numFmtId="0" fontId="8" fillId="0" borderId="7" xfId="0" applyFont="1" applyBorder="1" applyAlignment="1">
      <alignment horizontal="center" vertical="center" wrapText="1"/>
    </xf>
    <xf numFmtId="0" fontId="9" fillId="0" borderId="5" xfId="0" applyFont="1" applyBorder="1" applyAlignment="1">
      <alignment horizontal="left" vertical="center" wrapText="1"/>
    </xf>
    <xf numFmtId="0" fontId="8" fillId="0" borderId="12" xfId="0" applyFont="1" applyBorder="1" applyAlignment="1">
      <alignment horizontal="center" vertical="center"/>
    </xf>
    <xf numFmtId="0" fontId="8" fillId="0" borderId="8" xfId="0" applyFont="1" applyBorder="1" applyAlignment="1">
      <alignment horizontal="center" vertical="center"/>
    </xf>
    <xf numFmtId="0" fontId="8" fillId="0" borderId="10" xfId="0" applyFont="1" applyBorder="1" applyAlignment="1">
      <alignment horizontal="center" vertical="center"/>
    </xf>
    <xf numFmtId="0" fontId="8" fillId="0" borderId="9" xfId="0" applyFont="1" applyBorder="1" applyAlignment="1">
      <alignment horizontal="center" vertical="center"/>
    </xf>
    <xf numFmtId="0" fontId="12" fillId="0" borderId="3" xfId="0" applyFont="1" applyBorder="1" applyAlignment="1">
      <alignment horizontal="center" vertical="center"/>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14</xdr:col>
      <xdr:colOff>70339</xdr:colOff>
      <xdr:row>6</xdr:row>
      <xdr:rowOff>304800</xdr:rowOff>
    </xdr:from>
    <xdr:ext cx="184731" cy="264560"/>
    <xdr:sp macro="" textlink="">
      <xdr:nvSpPr>
        <xdr:cNvPr id="3" name="テキスト ボックス 2">
          <a:extLst>
            <a:ext uri="{FF2B5EF4-FFF2-40B4-BE49-F238E27FC236}">
              <a16:creationId xmlns:a16="http://schemas.microsoft.com/office/drawing/2014/main" id="{9B0CC907-6E48-4CA1-85A3-4BEA4358777A}"/>
            </a:ext>
          </a:extLst>
        </xdr:cNvPr>
        <xdr:cNvSpPr txBox="1"/>
      </xdr:nvSpPr>
      <xdr:spPr>
        <a:xfrm>
          <a:off x="7649308" y="1213338"/>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kern="1200"/>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U40"/>
  <sheetViews>
    <sheetView tabSelected="1" topLeftCell="B4" zoomScale="130" zoomScaleNormal="130" workbookViewId="0">
      <selection activeCell="G35" sqref="G35"/>
    </sheetView>
  </sheetViews>
  <sheetFormatPr defaultColWidth="9" defaultRowHeight="39.9" customHeight="1" x14ac:dyDescent="0.45"/>
  <cols>
    <col min="1" max="1" width="0.5" style="1" hidden="1" customWidth="1"/>
    <col min="2" max="2" width="2.59765625" style="1" customWidth="1"/>
    <col min="3" max="3" width="6.09765625" style="1" customWidth="1"/>
    <col min="4" max="4" width="2.09765625" style="2" customWidth="1"/>
    <col min="5" max="5" width="3.19921875" style="1" customWidth="1"/>
    <col min="6" max="6" width="17.09765625" style="1" customWidth="1"/>
    <col min="7" max="7" width="51.3984375" style="1" customWidth="1"/>
    <col min="8" max="11" width="2.19921875" style="1" customWidth="1"/>
    <col min="12" max="14" width="2.69921875" style="1" customWidth="1"/>
    <col min="15" max="15" width="30.8984375" style="1" customWidth="1"/>
    <col min="16" max="16" width="42.19921875" style="1" customWidth="1"/>
    <col min="17" max="17" width="19.8984375" style="1" customWidth="1"/>
    <col min="18" max="19" width="48.59765625" style="1" customWidth="1"/>
    <col min="20" max="16384" width="9" style="1"/>
  </cols>
  <sheetData>
    <row r="1" spans="1:21" customFormat="1" ht="13.5" customHeight="1" x14ac:dyDescent="0.45">
      <c r="A1" s="41"/>
      <c r="B1" s="41"/>
      <c r="C1" s="41"/>
      <c r="D1" s="41"/>
      <c r="E1" s="41"/>
      <c r="F1" s="41"/>
      <c r="G1" s="41"/>
      <c r="H1" s="41"/>
      <c r="I1" s="41"/>
      <c r="J1" s="41"/>
      <c r="K1" s="41"/>
      <c r="L1" s="41"/>
      <c r="M1" s="41"/>
      <c r="N1" s="41"/>
      <c r="O1" s="41"/>
      <c r="P1" s="41"/>
      <c r="Q1" s="41"/>
    </row>
    <row r="2" spans="1:21" customFormat="1" ht="15" customHeight="1" x14ac:dyDescent="0.45">
      <c r="A2" s="42" t="s">
        <v>106</v>
      </c>
      <c r="B2" s="42"/>
      <c r="C2" s="42"/>
      <c r="D2" s="42"/>
      <c r="E2" s="42"/>
      <c r="F2" s="42"/>
      <c r="G2" s="42"/>
      <c r="H2" s="42"/>
      <c r="I2" s="42"/>
      <c r="J2" s="42"/>
      <c r="K2" s="42"/>
      <c r="L2" s="42"/>
      <c r="M2" s="42"/>
      <c r="N2" s="42"/>
      <c r="O2" s="42"/>
      <c r="P2" s="42"/>
      <c r="Q2" s="42"/>
    </row>
    <row r="3" spans="1:21" customFormat="1" ht="11.25" customHeight="1" x14ac:dyDescent="0.45">
      <c r="A3" s="5" t="s">
        <v>60</v>
      </c>
      <c r="B3" s="4"/>
      <c r="C3" s="4"/>
      <c r="D3" s="4"/>
      <c r="E3" s="4"/>
      <c r="F3" s="52" t="s">
        <v>60</v>
      </c>
      <c r="G3" s="53"/>
      <c r="H3" s="53"/>
      <c r="I3" s="53"/>
      <c r="J3" s="53"/>
      <c r="K3" s="53"/>
      <c r="L3" s="53"/>
      <c r="M3" s="53"/>
      <c r="N3" s="53"/>
      <c r="O3" s="53"/>
      <c r="P3" s="54"/>
      <c r="Q3" s="10"/>
      <c r="R3" s="7"/>
      <c r="S3" s="7"/>
      <c r="T3" s="7"/>
      <c r="U3" s="7"/>
    </row>
    <row r="4" spans="1:21" customFormat="1" ht="16.5" customHeight="1" x14ac:dyDescent="0.45">
      <c r="A4" s="6" t="s">
        <v>63</v>
      </c>
      <c r="B4" s="8"/>
      <c r="C4" s="8"/>
      <c r="D4" s="8"/>
      <c r="E4" s="8"/>
      <c r="F4" s="55" t="s">
        <v>63</v>
      </c>
      <c r="G4" s="56"/>
      <c r="H4" s="56"/>
      <c r="I4" s="56"/>
      <c r="J4" s="56"/>
      <c r="K4" s="56"/>
      <c r="L4" s="56"/>
      <c r="M4" s="56"/>
      <c r="N4" s="56"/>
      <c r="O4" s="56"/>
      <c r="P4" s="57"/>
      <c r="Q4" s="9"/>
      <c r="R4" s="8"/>
      <c r="S4" s="8"/>
      <c r="T4" s="8"/>
      <c r="U4" s="8"/>
    </row>
    <row r="5" spans="1:21" customFormat="1" ht="4.5" customHeight="1" x14ac:dyDescent="0.45">
      <c r="A5" s="3"/>
      <c r="B5" s="3"/>
      <c r="C5" s="3"/>
      <c r="D5" s="3"/>
      <c r="E5" s="3"/>
      <c r="F5" s="3"/>
      <c r="G5" s="3"/>
      <c r="H5" s="3"/>
      <c r="I5" s="3"/>
      <c r="J5" s="3"/>
      <c r="K5" s="3"/>
      <c r="L5" s="3"/>
      <c r="M5" s="3"/>
      <c r="N5" s="3"/>
      <c r="O5" s="3"/>
      <c r="P5" s="3"/>
      <c r="Q5" s="3"/>
    </row>
    <row r="6" spans="1:21" customFormat="1" ht="12" customHeight="1" x14ac:dyDescent="0.45">
      <c r="A6" s="5" t="s">
        <v>61</v>
      </c>
      <c r="B6" s="4"/>
      <c r="C6" s="4"/>
      <c r="D6" s="4"/>
      <c r="E6" s="4"/>
      <c r="F6" s="52" t="s">
        <v>61</v>
      </c>
      <c r="G6" s="53"/>
      <c r="H6" s="53"/>
      <c r="I6" s="53"/>
      <c r="J6" s="53"/>
      <c r="K6" s="53"/>
      <c r="L6" s="53"/>
      <c r="M6" s="53"/>
      <c r="N6" s="53"/>
      <c r="O6" s="53"/>
      <c r="P6" s="54"/>
      <c r="Q6" s="10"/>
      <c r="R6" s="4"/>
      <c r="S6" s="4"/>
      <c r="T6" s="4"/>
      <c r="U6" s="4"/>
    </row>
    <row r="7" spans="1:21" customFormat="1" ht="62.25" customHeight="1" x14ac:dyDescent="0.45">
      <c r="A7" s="6" t="s">
        <v>62</v>
      </c>
      <c r="B7" s="8"/>
      <c r="C7" s="8"/>
      <c r="D7" s="8"/>
      <c r="E7" s="8"/>
      <c r="F7" s="58" t="s">
        <v>64</v>
      </c>
      <c r="G7" s="37"/>
      <c r="H7" s="37"/>
      <c r="I7" s="37"/>
      <c r="J7" s="37"/>
      <c r="K7" s="37"/>
      <c r="L7" s="37"/>
      <c r="M7" s="37"/>
      <c r="N7" s="37"/>
      <c r="O7" s="37"/>
      <c r="P7" s="38"/>
      <c r="Q7" s="11"/>
      <c r="R7" s="8"/>
      <c r="S7" s="8"/>
      <c r="T7" s="8"/>
      <c r="U7" s="8"/>
    </row>
    <row r="8" spans="1:21" ht="6" customHeight="1" thickBot="1" x14ac:dyDescent="0.5">
      <c r="A8" s="12"/>
      <c r="B8" s="12"/>
      <c r="C8" s="12"/>
      <c r="D8" s="13"/>
      <c r="E8" s="12"/>
      <c r="F8" s="12"/>
      <c r="G8" s="12"/>
      <c r="H8" s="12"/>
      <c r="I8" s="12"/>
      <c r="J8" s="12"/>
      <c r="K8" s="12"/>
      <c r="L8" s="12"/>
      <c r="M8" s="12"/>
      <c r="N8" s="12"/>
      <c r="O8" s="12"/>
      <c r="P8" s="12"/>
      <c r="Q8" s="12"/>
    </row>
    <row r="9" spans="1:21" ht="8.25" customHeight="1" x14ac:dyDescent="0.45">
      <c r="A9" s="12"/>
      <c r="B9" s="48" t="s">
        <v>0</v>
      </c>
      <c r="C9" s="48"/>
      <c r="D9" s="39" t="s">
        <v>20</v>
      </c>
      <c r="E9" s="40" t="s">
        <v>21</v>
      </c>
      <c r="F9" s="48" t="s">
        <v>22</v>
      </c>
      <c r="G9" s="48" t="s">
        <v>23</v>
      </c>
      <c r="H9" s="40" t="s">
        <v>24</v>
      </c>
      <c r="I9" s="40"/>
      <c r="J9" s="40"/>
      <c r="K9" s="49"/>
      <c r="L9" s="14" t="s">
        <v>25</v>
      </c>
      <c r="M9" s="15" t="s">
        <v>25</v>
      </c>
      <c r="N9" s="16" t="s">
        <v>25</v>
      </c>
      <c r="O9" s="59" t="s">
        <v>66</v>
      </c>
      <c r="P9" s="59"/>
      <c r="Q9" s="60"/>
    </row>
    <row r="10" spans="1:21" ht="9" customHeight="1" x14ac:dyDescent="0.45">
      <c r="A10" s="12"/>
      <c r="B10" s="48"/>
      <c r="C10" s="48"/>
      <c r="D10" s="40"/>
      <c r="E10" s="40"/>
      <c r="F10" s="48"/>
      <c r="G10" s="48"/>
      <c r="H10" s="17">
        <v>4</v>
      </c>
      <c r="I10" s="17">
        <v>3</v>
      </c>
      <c r="J10" s="17">
        <v>2</v>
      </c>
      <c r="K10" s="18">
        <v>1</v>
      </c>
      <c r="L10" s="19" t="s">
        <v>93</v>
      </c>
      <c r="M10" s="20" t="s">
        <v>70</v>
      </c>
      <c r="N10" s="21" t="s">
        <v>67</v>
      </c>
      <c r="O10" s="61"/>
      <c r="P10" s="61"/>
      <c r="Q10" s="62"/>
    </row>
    <row r="11" spans="1:21" ht="24.75" customHeight="1" x14ac:dyDescent="0.45">
      <c r="A11" s="12"/>
      <c r="B11" s="39" t="s">
        <v>53</v>
      </c>
      <c r="C11" s="43" t="s">
        <v>54</v>
      </c>
      <c r="D11" s="17">
        <v>1</v>
      </c>
      <c r="E11" s="22" t="s">
        <v>55</v>
      </c>
      <c r="F11" s="46" t="s">
        <v>1</v>
      </c>
      <c r="G11" s="23" t="s">
        <v>26</v>
      </c>
      <c r="H11" s="22">
        <v>4</v>
      </c>
      <c r="I11" s="22">
        <v>37</v>
      </c>
      <c r="J11" s="22">
        <v>14</v>
      </c>
      <c r="K11" s="24">
        <v>1</v>
      </c>
      <c r="L11" s="25">
        <f>($H$10*H11+$I$10*I11+$J$10*J11+$K$10*K11)/SUM(H11:K11)</f>
        <v>2.7857142857142856</v>
      </c>
      <c r="M11" s="26">
        <v>2.6</v>
      </c>
      <c r="N11" s="27">
        <v>2.6491228070175437</v>
      </c>
      <c r="O11" s="35" t="s">
        <v>76</v>
      </c>
      <c r="P11" s="35"/>
      <c r="Q11" s="36"/>
      <c r="R11" s="1">
        <v>56</v>
      </c>
    </row>
    <row r="12" spans="1:21" ht="38.25" customHeight="1" x14ac:dyDescent="0.45">
      <c r="A12" s="12"/>
      <c r="B12" s="40"/>
      <c r="C12" s="44"/>
      <c r="D12" s="17">
        <v>2</v>
      </c>
      <c r="E12" s="22" t="s">
        <v>27</v>
      </c>
      <c r="F12" s="47"/>
      <c r="G12" s="23" t="s">
        <v>65</v>
      </c>
      <c r="H12" s="22">
        <v>6</v>
      </c>
      <c r="I12" s="22">
        <v>36</v>
      </c>
      <c r="J12" s="22">
        <v>14</v>
      </c>
      <c r="K12" s="24">
        <v>0</v>
      </c>
      <c r="L12" s="25">
        <f t="shared" ref="L12:L14" si="0">($H$10*H12+$I$10*I12+$J$10*J12+$K$10*K12)/SUM(H12:K12)</f>
        <v>2.8571428571428572</v>
      </c>
      <c r="M12" s="26">
        <v>2.4</v>
      </c>
      <c r="N12" s="27">
        <v>2.7192982456140351</v>
      </c>
      <c r="O12" s="37" t="s">
        <v>77</v>
      </c>
      <c r="P12" s="37"/>
      <c r="Q12" s="38"/>
    </row>
    <row r="13" spans="1:21" ht="21.6" customHeight="1" x14ac:dyDescent="0.45">
      <c r="A13" s="12"/>
      <c r="B13" s="40"/>
      <c r="C13" s="44"/>
      <c r="D13" s="17">
        <v>3</v>
      </c>
      <c r="E13" s="28" t="s">
        <v>28</v>
      </c>
      <c r="F13" s="29" t="s">
        <v>2</v>
      </c>
      <c r="G13" s="23" t="s">
        <v>107</v>
      </c>
      <c r="H13" s="22">
        <v>16</v>
      </c>
      <c r="I13" s="22">
        <v>23</v>
      </c>
      <c r="J13" s="22">
        <v>15</v>
      </c>
      <c r="K13" s="24">
        <v>2</v>
      </c>
      <c r="L13" s="25">
        <f t="shared" si="0"/>
        <v>2.9464285714285716</v>
      </c>
      <c r="M13" s="26">
        <v>2.8</v>
      </c>
      <c r="N13" s="27">
        <v>2.9473684210526314</v>
      </c>
      <c r="O13" s="37" t="s">
        <v>78</v>
      </c>
      <c r="P13" s="37"/>
      <c r="Q13" s="38"/>
    </row>
    <row r="14" spans="1:21" ht="27" customHeight="1" x14ac:dyDescent="0.45">
      <c r="A14" s="12"/>
      <c r="B14" s="40"/>
      <c r="C14" s="44"/>
      <c r="D14" s="17">
        <v>4</v>
      </c>
      <c r="E14" s="22" t="s">
        <v>27</v>
      </c>
      <c r="F14" s="23" t="s">
        <v>29</v>
      </c>
      <c r="G14" s="23" t="s">
        <v>30</v>
      </c>
      <c r="H14" s="22">
        <v>9</v>
      </c>
      <c r="I14" s="22">
        <v>42</v>
      </c>
      <c r="J14" s="22">
        <v>5</v>
      </c>
      <c r="K14" s="24">
        <v>0</v>
      </c>
      <c r="L14" s="25">
        <f t="shared" si="0"/>
        <v>3.0714285714285716</v>
      </c>
      <c r="M14" s="26">
        <v>2.9</v>
      </c>
      <c r="N14" s="27">
        <v>3.1052631578947367</v>
      </c>
      <c r="O14" s="37" t="s">
        <v>79</v>
      </c>
      <c r="P14" s="37"/>
      <c r="Q14" s="38"/>
    </row>
    <row r="15" spans="1:21" ht="36.75" customHeight="1" x14ac:dyDescent="0.45">
      <c r="A15" s="12"/>
      <c r="B15" s="40"/>
      <c r="C15" s="44"/>
      <c r="D15" s="17">
        <v>5</v>
      </c>
      <c r="E15" s="28" t="s">
        <v>28</v>
      </c>
      <c r="F15" s="23" t="s">
        <v>31</v>
      </c>
      <c r="G15" s="23" t="s">
        <v>32</v>
      </c>
      <c r="H15" s="22">
        <v>9</v>
      </c>
      <c r="I15" s="22">
        <v>41</v>
      </c>
      <c r="J15" s="22">
        <v>6</v>
      </c>
      <c r="K15" s="24">
        <v>0</v>
      </c>
      <c r="L15" s="25">
        <f t="shared" ref="L15:L36" si="1">($H$10*H15+$I$10*I15+$J$10*J15+$K$10*K15)/SUM(H15:K15)</f>
        <v>3.0535714285714284</v>
      </c>
      <c r="M15" s="26">
        <v>2.9</v>
      </c>
      <c r="N15" s="27">
        <v>3.0701754385964914</v>
      </c>
      <c r="O15" s="37" t="s">
        <v>80</v>
      </c>
      <c r="P15" s="37"/>
      <c r="Q15" s="38"/>
    </row>
    <row r="16" spans="1:21" ht="31.5" customHeight="1" x14ac:dyDescent="0.45">
      <c r="A16" s="12"/>
      <c r="B16" s="40"/>
      <c r="C16" s="44"/>
      <c r="D16" s="17">
        <v>6</v>
      </c>
      <c r="E16" s="28" t="s">
        <v>33</v>
      </c>
      <c r="F16" s="29" t="s">
        <v>3</v>
      </c>
      <c r="G16" s="23" t="s">
        <v>56</v>
      </c>
      <c r="H16" s="22">
        <v>10</v>
      </c>
      <c r="I16" s="22">
        <v>39</v>
      </c>
      <c r="J16" s="22">
        <v>7</v>
      </c>
      <c r="K16" s="24">
        <v>0</v>
      </c>
      <c r="L16" s="25">
        <f t="shared" si="1"/>
        <v>3.0535714285714284</v>
      </c>
      <c r="M16" s="26">
        <v>2.9</v>
      </c>
      <c r="N16" s="27">
        <v>2.8421052631578947</v>
      </c>
      <c r="O16" s="37" t="s">
        <v>89</v>
      </c>
      <c r="P16" s="37"/>
      <c r="Q16" s="38"/>
    </row>
    <row r="17" spans="1:17" ht="35.4" customHeight="1" x14ac:dyDescent="0.45">
      <c r="A17" s="12"/>
      <c r="B17" s="40"/>
      <c r="C17" s="44"/>
      <c r="D17" s="17">
        <v>7</v>
      </c>
      <c r="E17" s="28" t="s">
        <v>33</v>
      </c>
      <c r="F17" s="29" t="s">
        <v>4</v>
      </c>
      <c r="G17" s="23" t="s">
        <v>57</v>
      </c>
      <c r="H17" s="22">
        <v>10</v>
      </c>
      <c r="I17" s="22">
        <v>38</v>
      </c>
      <c r="J17" s="22">
        <v>8</v>
      </c>
      <c r="K17" s="24">
        <v>0</v>
      </c>
      <c r="L17" s="25">
        <f t="shared" si="1"/>
        <v>3.0357142857142856</v>
      </c>
      <c r="M17" s="26">
        <v>3</v>
      </c>
      <c r="N17" s="27">
        <v>2.9824561403508771</v>
      </c>
      <c r="O17" s="37" t="s">
        <v>88</v>
      </c>
      <c r="P17" s="37"/>
      <c r="Q17" s="38"/>
    </row>
    <row r="18" spans="1:17" ht="36" customHeight="1" x14ac:dyDescent="0.45">
      <c r="A18" s="12"/>
      <c r="B18" s="40"/>
      <c r="C18" s="44"/>
      <c r="D18" s="17">
        <v>8</v>
      </c>
      <c r="E18" s="22" t="s">
        <v>34</v>
      </c>
      <c r="F18" s="29" t="s">
        <v>5</v>
      </c>
      <c r="G18" s="23" t="s">
        <v>71</v>
      </c>
      <c r="H18" s="22">
        <v>3</v>
      </c>
      <c r="I18" s="22">
        <v>21</v>
      </c>
      <c r="J18" s="22">
        <v>29</v>
      </c>
      <c r="K18" s="24">
        <v>3</v>
      </c>
      <c r="L18" s="25">
        <f t="shared" si="1"/>
        <v>2.4285714285714284</v>
      </c>
      <c r="M18" s="26">
        <v>2.4</v>
      </c>
      <c r="N18" s="27">
        <v>2.5789473684210527</v>
      </c>
      <c r="O18" s="35" t="s">
        <v>69</v>
      </c>
      <c r="P18" s="35"/>
      <c r="Q18" s="36"/>
    </row>
    <row r="19" spans="1:17" ht="38.25" customHeight="1" x14ac:dyDescent="0.45">
      <c r="A19" s="12"/>
      <c r="B19" s="40"/>
      <c r="C19" s="44"/>
      <c r="D19" s="17">
        <v>9</v>
      </c>
      <c r="E19" s="22" t="s">
        <v>34</v>
      </c>
      <c r="F19" s="23" t="s">
        <v>35</v>
      </c>
      <c r="G19" s="23" t="s">
        <v>72</v>
      </c>
      <c r="H19" s="22">
        <v>6</v>
      </c>
      <c r="I19" s="22">
        <v>40</v>
      </c>
      <c r="J19" s="22">
        <v>10</v>
      </c>
      <c r="K19" s="24">
        <v>0</v>
      </c>
      <c r="L19" s="25">
        <f t="shared" si="1"/>
        <v>2.9285714285714284</v>
      </c>
      <c r="M19" s="26">
        <v>2.9</v>
      </c>
      <c r="N19" s="27">
        <v>3.0877192982456139</v>
      </c>
      <c r="O19" s="35" t="s">
        <v>94</v>
      </c>
      <c r="P19" s="35"/>
      <c r="Q19" s="36"/>
    </row>
    <row r="20" spans="1:17" ht="26.25" customHeight="1" x14ac:dyDescent="0.45">
      <c r="A20" s="12"/>
      <c r="B20" s="40"/>
      <c r="C20" s="45"/>
      <c r="D20" s="17">
        <v>10</v>
      </c>
      <c r="E20" s="22" t="s">
        <v>34</v>
      </c>
      <c r="F20" s="29" t="s">
        <v>6</v>
      </c>
      <c r="G20" s="23" t="s">
        <v>73</v>
      </c>
      <c r="H20" s="22">
        <v>17</v>
      </c>
      <c r="I20" s="22">
        <v>34</v>
      </c>
      <c r="J20" s="22">
        <v>4</v>
      </c>
      <c r="K20" s="24">
        <v>1</v>
      </c>
      <c r="L20" s="25">
        <f t="shared" si="1"/>
        <v>3.1964285714285716</v>
      </c>
      <c r="M20" s="26">
        <v>2.9</v>
      </c>
      <c r="N20" s="27">
        <v>3.1228070175438596</v>
      </c>
      <c r="O20" s="35" t="s">
        <v>81</v>
      </c>
      <c r="P20" s="35"/>
      <c r="Q20" s="36"/>
    </row>
    <row r="21" spans="1:17" ht="26.25" customHeight="1" x14ac:dyDescent="0.45">
      <c r="A21" s="12"/>
      <c r="B21" s="40"/>
      <c r="C21" s="39" t="s">
        <v>36</v>
      </c>
      <c r="D21" s="17">
        <v>11</v>
      </c>
      <c r="E21" s="22" t="s">
        <v>55</v>
      </c>
      <c r="F21" s="29" t="s">
        <v>7</v>
      </c>
      <c r="G21" s="30" t="s">
        <v>110</v>
      </c>
      <c r="H21" s="22">
        <v>14</v>
      </c>
      <c r="I21" s="22">
        <v>34</v>
      </c>
      <c r="J21" s="22">
        <v>7</v>
      </c>
      <c r="K21" s="24">
        <v>1</v>
      </c>
      <c r="L21" s="25">
        <f t="shared" si="1"/>
        <v>3.0892857142857144</v>
      </c>
      <c r="M21" s="26">
        <v>3.3</v>
      </c>
      <c r="N21" s="27">
        <v>2.9473684210526314</v>
      </c>
      <c r="O21" s="35" t="s">
        <v>105</v>
      </c>
      <c r="P21" s="35"/>
      <c r="Q21" s="36"/>
    </row>
    <row r="22" spans="1:17" ht="27" customHeight="1" x14ac:dyDescent="0.45">
      <c r="A22" s="12"/>
      <c r="B22" s="40"/>
      <c r="C22" s="40"/>
      <c r="D22" s="17">
        <v>12</v>
      </c>
      <c r="E22" s="22" t="s">
        <v>37</v>
      </c>
      <c r="F22" s="29" t="s">
        <v>7</v>
      </c>
      <c r="G22" s="29" t="s">
        <v>8</v>
      </c>
      <c r="H22" s="22">
        <v>14</v>
      </c>
      <c r="I22" s="22">
        <v>40</v>
      </c>
      <c r="J22" s="22">
        <v>2</v>
      </c>
      <c r="K22" s="24">
        <v>0</v>
      </c>
      <c r="L22" s="25">
        <f t="shared" si="1"/>
        <v>3.2142857142857144</v>
      </c>
      <c r="M22" s="26">
        <v>3</v>
      </c>
      <c r="N22" s="27">
        <v>3.2105263157894739</v>
      </c>
      <c r="O22" s="37" t="s">
        <v>104</v>
      </c>
      <c r="P22" s="37"/>
      <c r="Q22" s="38"/>
    </row>
    <row r="23" spans="1:17" ht="27.75" customHeight="1" x14ac:dyDescent="0.45">
      <c r="A23" s="12"/>
      <c r="B23" s="40"/>
      <c r="C23" s="40"/>
      <c r="D23" s="17">
        <v>13</v>
      </c>
      <c r="E23" s="22" t="s">
        <v>37</v>
      </c>
      <c r="F23" s="29" t="s">
        <v>9</v>
      </c>
      <c r="G23" s="23" t="s">
        <v>38</v>
      </c>
      <c r="H23" s="22">
        <v>16</v>
      </c>
      <c r="I23" s="22">
        <v>37</v>
      </c>
      <c r="J23" s="22">
        <v>3</v>
      </c>
      <c r="K23" s="24">
        <v>0</v>
      </c>
      <c r="L23" s="25">
        <f t="shared" si="1"/>
        <v>3.2321428571428572</v>
      </c>
      <c r="M23" s="26">
        <v>3.2</v>
      </c>
      <c r="N23" s="27">
        <v>3.2456140350877192</v>
      </c>
      <c r="O23" s="37" t="s">
        <v>82</v>
      </c>
      <c r="P23" s="37"/>
      <c r="Q23" s="38"/>
    </row>
    <row r="24" spans="1:17" ht="32.4" customHeight="1" x14ac:dyDescent="0.45">
      <c r="A24" s="12"/>
      <c r="B24" s="40"/>
      <c r="C24" s="40"/>
      <c r="D24" s="17">
        <v>14</v>
      </c>
      <c r="E24" s="22" t="s">
        <v>27</v>
      </c>
      <c r="F24" s="29" t="s">
        <v>10</v>
      </c>
      <c r="G24" s="23" t="s">
        <v>90</v>
      </c>
      <c r="H24" s="22">
        <v>17</v>
      </c>
      <c r="I24" s="22">
        <v>33</v>
      </c>
      <c r="J24" s="22">
        <v>5</v>
      </c>
      <c r="K24" s="24">
        <v>1</v>
      </c>
      <c r="L24" s="25">
        <f t="shared" si="1"/>
        <v>3.1785714285714284</v>
      </c>
      <c r="M24" s="26">
        <v>3.3</v>
      </c>
      <c r="N24" s="27">
        <v>2.9122807017543861</v>
      </c>
      <c r="O24" s="35" t="s">
        <v>103</v>
      </c>
      <c r="P24" s="35"/>
      <c r="Q24" s="36"/>
    </row>
    <row r="25" spans="1:17" ht="27.75" customHeight="1" x14ac:dyDescent="0.45">
      <c r="A25" s="12"/>
      <c r="B25" s="40"/>
      <c r="C25" s="40"/>
      <c r="D25" s="17">
        <v>15</v>
      </c>
      <c r="E25" s="22" t="s">
        <v>37</v>
      </c>
      <c r="F25" s="23" t="s">
        <v>58</v>
      </c>
      <c r="G25" s="23" t="s">
        <v>39</v>
      </c>
      <c r="H25" s="22">
        <v>14</v>
      </c>
      <c r="I25" s="22">
        <v>34</v>
      </c>
      <c r="J25" s="22">
        <v>8</v>
      </c>
      <c r="K25" s="24">
        <v>0</v>
      </c>
      <c r="L25" s="25">
        <f t="shared" si="1"/>
        <v>3.1071428571428572</v>
      </c>
      <c r="M25" s="26">
        <v>3</v>
      </c>
      <c r="N25" s="27">
        <v>3.1403508771929824</v>
      </c>
      <c r="O25" s="37" t="s">
        <v>102</v>
      </c>
      <c r="P25" s="37"/>
      <c r="Q25" s="38"/>
    </row>
    <row r="26" spans="1:17" ht="28.5" customHeight="1" x14ac:dyDescent="0.45">
      <c r="A26" s="12"/>
      <c r="B26" s="40"/>
      <c r="C26" s="40"/>
      <c r="D26" s="17">
        <v>16</v>
      </c>
      <c r="E26" s="28" t="s">
        <v>33</v>
      </c>
      <c r="F26" s="23" t="s">
        <v>68</v>
      </c>
      <c r="G26" s="23" t="s">
        <v>40</v>
      </c>
      <c r="H26" s="22">
        <v>11</v>
      </c>
      <c r="I26" s="22">
        <v>41</v>
      </c>
      <c r="J26" s="22">
        <v>4</v>
      </c>
      <c r="K26" s="24">
        <v>0</v>
      </c>
      <c r="L26" s="25">
        <f t="shared" si="1"/>
        <v>3.125</v>
      </c>
      <c r="M26" s="26">
        <v>3.1</v>
      </c>
      <c r="N26" s="27">
        <v>3.0175438596491229</v>
      </c>
      <c r="O26" s="35" t="s">
        <v>101</v>
      </c>
      <c r="P26" s="35"/>
      <c r="Q26" s="36"/>
    </row>
    <row r="27" spans="1:17" ht="37.200000000000003" customHeight="1" x14ac:dyDescent="0.45">
      <c r="A27" s="12"/>
      <c r="B27" s="40"/>
      <c r="C27" s="40"/>
      <c r="D27" s="17">
        <v>17</v>
      </c>
      <c r="E27" s="22" t="s">
        <v>27</v>
      </c>
      <c r="F27" s="29" t="s">
        <v>11</v>
      </c>
      <c r="G27" s="23" t="s">
        <v>41</v>
      </c>
      <c r="H27" s="22">
        <v>16</v>
      </c>
      <c r="I27" s="22">
        <v>37</v>
      </c>
      <c r="J27" s="22">
        <v>3</v>
      </c>
      <c r="K27" s="24">
        <v>0</v>
      </c>
      <c r="L27" s="25">
        <f t="shared" si="1"/>
        <v>3.2321428571428572</v>
      </c>
      <c r="M27" s="26">
        <v>3.1</v>
      </c>
      <c r="N27" s="27">
        <v>3.2456140350877192</v>
      </c>
      <c r="O27" s="35" t="s">
        <v>83</v>
      </c>
      <c r="P27" s="35"/>
      <c r="Q27" s="36"/>
    </row>
    <row r="28" spans="1:17" ht="28.5" customHeight="1" x14ac:dyDescent="0.45">
      <c r="A28" s="12"/>
      <c r="B28" s="39" t="s">
        <v>42</v>
      </c>
      <c r="C28" s="39" t="s">
        <v>59</v>
      </c>
      <c r="D28" s="17">
        <v>18</v>
      </c>
      <c r="E28" s="28" t="s">
        <v>28</v>
      </c>
      <c r="F28" s="29" t="s">
        <v>12</v>
      </c>
      <c r="G28" s="23" t="s">
        <v>43</v>
      </c>
      <c r="H28" s="22">
        <v>22</v>
      </c>
      <c r="I28" s="22">
        <v>41</v>
      </c>
      <c r="J28" s="22">
        <v>2</v>
      </c>
      <c r="K28" s="24">
        <v>1</v>
      </c>
      <c r="L28" s="25">
        <f t="shared" si="1"/>
        <v>3.2727272727272729</v>
      </c>
      <c r="M28" s="26">
        <v>3.1</v>
      </c>
      <c r="N28" s="27">
        <v>3.192982456140351</v>
      </c>
      <c r="O28" s="37" t="s">
        <v>100</v>
      </c>
      <c r="P28" s="37"/>
      <c r="Q28" s="38"/>
    </row>
    <row r="29" spans="1:17" ht="27.75" customHeight="1" x14ac:dyDescent="0.45">
      <c r="A29" s="12"/>
      <c r="B29" s="40"/>
      <c r="C29" s="40"/>
      <c r="D29" s="17">
        <v>19</v>
      </c>
      <c r="E29" s="28" t="s">
        <v>28</v>
      </c>
      <c r="F29" s="29" t="s">
        <v>13</v>
      </c>
      <c r="G29" s="23" t="s">
        <v>91</v>
      </c>
      <c r="H29" s="22">
        <v>11</v>
      </c>
      <c r="I29" s="22">
        <v>41</v>
      </c>
      <c r="J29" s="22">
        <v>2</v>
      </c>
      <c r="K29" s="24">
        <v>2</v>
      </c>
      <c r="L29" s="25">
        <f t="shared" si="1"/>
        <v>3.0892857142857144</v>
      </c>
      <c r="M29" s="26">
        <v>3.1</v>
      </c>
      <c r="N29" s="27">
        <v>3.0350877192982457</v>
      </c>
      <c r="O29" s="37" t="s">
        <v>84</v>
      </c>
      <c r="P29" s="37"/>
      <c r="Q29" s="38"/>
    </row>
    <row r="30" spans="1:17" ht="24" customHeight="1" x14ac:dyDescent="0.45">
      <c r="A30" s="12"/>
      <c r="B30" s="39" t="s">
        <v>44</v>
      </c>
      <c r="C30" s="39" t="s">
        <v>45</v>
      </c>
      <c r="D30" s="17">
        <v>20</v>
      </c>
      <c r="E30" s="28" t="s">
        <v>46</v>
      </c>
      <c r="F30" s="29" t="s">
        <v>14</v>
      </c>
      <c r="G30" s="23" t="s">
        <v>108</v>
      </c>
      <c r="H30" s="22">
        <v>13</v>
      </c>
      <c r="I30" s="22">
        <v>34</v>
      </c>
      <c r="J30" s="22">
        <v>7</v>
      </c>
      <c r="K30" s="24">
        <v>2</v>
      </c>
      <c r="L30" s="25">
        <f t="shared" si="1"/>
        <v>3.0357142857142856</v>
      </c>
      <c r="M30" s="26">
        <v>3.1</v>
      </c>
      <c r="N30" s="27">
        <v>3.0877192982456139</v>
      </c>
      <c r="O30" s="37" t="s">
        <v>85</v>
      </c>
      <c r="P30" s="37"/>
      <c r="Q30" s="38"/>
    </row>
    <row r="31" spans="1:17" ht="26.25" customHeight="1" x14ac:dyDescent="0.45">
      <c r="A31" s="12"/>
      <c r="B31" s="40"/>
      <c r="C31" s="40"/>
      <c r="D31" s="17">
        <v>21</v>
      </c>
      <c r="E31" s="28" t="s">
        <v>46</v>
      </c>
      <c r="F31" s="29" t="s">
        <v>15</v>
      </c>
      <c r="G31" s="23" t="s">
        <v>109</v>
      </c>
      <c r="H31" s="22">
        <v>14</v>
      </c>
      <c r="I31" s="22">
        <v>31</v>
      </c>
      <c r="J31" s="22">
        <v>8</v>
      </c>
      <c r="K31" s="24">
        <v>3</v>
      </c>
      <c r="L31" s="25">
        <f t="shared" si="1"/>
        <v>3</v>
      </c>
      <c r="M31" s="26">
        <v>3.1</v>
      </c>
      <c r="N31" s="27">
        <v>3.1228070175438596</v>
      </c>
      <c r="O31" s="37" t="s">
        <v>99</v>
      </c>
      <c r="P31" s="37"/>
      <c r="Q31" s="38"/>
    </row>
    <row r="32" spans="1:17" ht="29.25" customHeight="1" x14ac:dyDescent="0.45">
      <c r="A32" s="12"/>
      <c r="B32" s="40"/>
      <c r="C32" s="40"/>
      <c r="D32" s="17">
        <v>22</v>
      </c>
      <c r="E32" s="28" t="s">
        <v>46</v>
      </c>
      <c r="F32" s="29" t="s">
        <v>16</v>
      </c>
      <c r="G32" s="23" t="s">
        <v>92</v>
      </c>
      <c r="H32" s="22">
        <v>16</v>
      </c>
      <c r="I32" s="22">
        <v>28</v>
      </c>
      <c r="J32" s="22">
        <v>9</v>
      </c>
      <c r="K32" s="24">
        <v>3</v>
      </c>
      <c r="L32" s="25">
        <f t="shared" si="1"/>
        <v>3.0178571428571428</v>
      </c>
      <c r="M32" s="26">
        <v>2.9</v>
      </c>
      <c r="N32" s="27">
        <v>3.1228070175438596</v>
      </c>
      <c r="O32" s="37" t="s">
        <v>86</v>
      </c>
      <c r="P32" s="37"/>
      <c r="Q32" s="38"/>
    </row>
    <row r="33" spans="1:17" ht="37.5" customHeight="1" x14ac:dyDescent="0.45">
      <c r="A33" s="12"/>
      <c r="B33" s="43" t="s">
        <v>75</v>
      </c>
      <c r="C33" s="39" t="s">
        <v>74</v>
      </c>
      <c r="D33" s="17">
        <v>23</v>
      </c>
      <c r="E33" s="22" t="s">
        <v>33</v>
      </c>
      <c r="F33" s="29" t="s">
        <v>17</v>
      </c>
      <c r="G33" s="23" t="s">
        <v>47</v>
      </c>
      <c r="H33" s="22">
        <v>15</v>
      </c>
      <c r="I33" s="22">
        <v>31</v>
      </c>
      <c r="J33" s="22">
        <v>6</v>
      </c>
      <c r="K33" s="24">
        <v>4</v>
      </c>
      <c r="L33" s="25">
        <f t="shared" si="1"/>
        <v>3.0178571428571428</v>
      </c>
      <c r="M33" s="26">
        <v>3</v>
      </c>
      <c r="N33" s="27">
        <v>2.8596491228070176</v>
      </c>
      <c r="O33" s="37" t="s">
        <v>98</v>
      </c>
      <c r="P33" s="37"/>
      <c r="Q33" s="38"/>
    </row>
    <row r="34" spans="1:17" ht="41.25" customHeight="1" x14ac:dyDescent="0.45">
      <c r="A34" s="12"/>
      <c r="B34" s="63"/>
      <c r="C34" s="40"/>
      <c r="D34" s="17">
        <v>24</v>
      </c>
      <c r="E34" s="22" t="s">
        <v>33</v>
      </c>
      <c r="F34" s="29" t="s">
        <v>18</v>
      </c>
      <c r="G34" s="23" t="s">
        <v>48</v>
      </c>
      <c r="H34" s="22">
        <v>13</v>
      </c>
      <c r="I34" s="22">
        <v>36</v>
      </c>
      <c r="J34" s="22">
        <v>6</v>
      </c>
      <c r="K34" s="24">
        <v>1</v>
      </c>
      <c r="L34" s="25">
        <f t="shared" si="1"/>
        <v>3.0892857142857144</v>
      </c>
      <c r="M34" s="26">
        <v>3.1</v>
      </c>
      <c r="N34" s="27">
        <v>2.9298245614035086</v>
      </c>
      <c r="O34" s="33" t="s">
        <v>97</v>
      </c>
      <c r="P34" s="33"/>
      <c r="Q34" s="34"/>
    </row>
    <row r="35" spans="1:17" ht="38.4" customHeight="1" x14ac:dyDescent="0.45">
      <c r="A35" s="12"/>
      <c r="B35" s="39" t="s">
        <v>49</v>
      </c>
      <c r="C35" s="39" t="s">
        <v>50</v>
      </c>
      <c r="D35" s="17">
        <v>25</v>
      </c>
      <c r="E35" s="28" t="s">
        <v>51</v>
      </c>
      <c r="F35" s="29" t="s">
        <v>19</v>
      </c>
      <c r="G35" s="23" t="s">
        <v>111</v>
      </c>
      <c r="H35" s="22">
        <v>4</v>
      </c>
      <c r="I35" s="22">
        <v>28</v>
      </c>
      <c r="J35" s="22">
        <v>19</v>
      </c>
      <c r="K35" s="24">
        <v>5</v>
      </c>
      <c r="L35" s="25">
        <f t="shared" si="1"/>
        <v>2.5535714285714284</v>
      </c>
      <c r="M35" s="26">
        <v>3</v>
      </c>
      <c r="N35" s="27">
        <v>2.7543859649122808</v>
      </c>
      <c r="O35" s="35" t="s">
        <v>96</v>
      </c>
      <c r="P35" s="35"/>
      <c r="Q35" s="36"/>
    </row>
    <row r="36" spans="1:17" ht="38.4" customHeight="1" thickBot="1" x14ac:dyDescent="0.5">
      <c r="A36" s="12"/>
      <c r="B36" s="40"/>
      <c r="C36" s="40"/>
      <c r="D36" s="17">
        <v>26</v>
      </c>
      <c r="E36" s="28" t="s">
        <v>51</v>
      </c>
      <c r="F36" s="29" t="s">
        <v>52</v>
      </c>
      <c r="G36" s="23" t="s">
        <v>87</v>
      </c>
      <c r="H36" s="22">
        <v>7</v>
      </c>
      <c r="I36" s="22">
        <v>30</v>
      </c>
      <c r="J36" s="22">
        <v>4</v>
      </c>
      <c r="K36" s="24">
        <v>5</v>
      </c>
      <c r="L36" s="25">
        <f t="shared" si="1"/>
        <v>2.847826086956522</v>
      </c>
      <c r="M36" s="31">
        <v>2.7</v>
      </c>
      <c r="N36" s="32">
        <v>2.8148148148148149</v>
      </c>
      <c r="O36" s="35" t="s">
        <v>95</v>
      </c>
      <c r="P36" s="35"/>
      <c r="Q36" s="36"/>
    </row>
    <row r="37" spans="1:17" ht="22.5" customHeight="1" x14ac:dyDescent="0.45"/>
    <row r="38" spans="1:17" ht="39.9" customHeight="1" x14ac:dyDescent="0.45">
      <c r="B38" s="50"/>
      <c r="C38" s="50"/>
    </row>
    <row r="39" spans="1:17" ht="39.9" customHeight="1" x14ac:dyDescent="0.45">
      <c r="B39" s="51"/>
      <c r="C39" s="51"/>
    </row>
    <row r="40" spans="1:17" ht="39.9" customHeight="1" x14ac:dyDescent="0.45">
      <c r="B40" s="51"/>
      <c r="C40" s="51"/>
    </row>
  </sheetData>
  <mergeCells count="53">
    <mergeCell ref="B38:B40"/>
    <mergeCell ref="C38:C40"/>
    <mergeCell ref="F3:P3"/>
    <mergeCell ref="F4:P4"/>
    <mergeCell ref="F6:P6"/>
    <mergeCell ref="F7:P7"/>
    <mergeCell ref="O9:Q10"/>
    <mergeCell ref="O11:Q11"/>
    <mergeCell ref="O12:Q12"/>
    <mergeCell ref="B35:B36"/>
    <mergeCell ref="C35:C36"/>
    <mergeCell ref="B28:B29"/>
    <mergeCell ref="C28:C29"/>
    <mergeCell ref="B30:B32"/>
    <mergeCell ref="C30:C32"/>
    <mergeCell ref="B33:B34"/>
    <mergeCell ref="A1:Q1"/>
    <mergeCell ref="A2:Q2"/>
    <mergeCell ref="B11:B27"/>
    <mergeCell ref="C11:C20"/>
    <mergeCell ref="F11:F12"/>
    <mergeCell ref="C21:C27"/>
    <mergeCell ref="B9:C10"/>
    <mergeCell ref="D9:D10"/>
    <mergeCell ref="E9:E10"/>
    <mergeCell ref="F9:F10"/>
    <mergeCell ref="G9:G10"/>
    <mergeCell ref="H9:K9"/>
    <mergeCell ref="O13:Q13"/>
    <mergeCell ref="O14:Q14"/>
    <mergeCell ref="C33:C34"/>
    <mergeCell ref="O15:Q15"/>
    <mergeCell ref="O16:Q16"/>
    <mergeCell ref="O17:Q17"/>
    <mergeCell ref="O18:Q18"/>
    <mergeCell ref="O19:Q19"/>
    <mergeCell ref="O20:Q20"/>
    <mergeCell ref="O21:Q21"/>
    <mergeCell ref="O22:Q22"/>
    <mergeCell ref="O23:Q23"/>
    <mergeCell ref="O24:Q24"/>
    <mergeCell ref="O25:Q25"/>
    <mergeCell ref="O26:Q26"/>
    <mergeCell ref="O27:Q27"/>
    <mergeCell ref="O28:Q28"/>
    <mergeCell ref="O29:Q29"/>
    <mergeCell ref="O34:Q34"/>
    <mergeCell ref="O35:Q35"/>
    <mergeCell ref="O36:Q36"/>
    <mergeCell ref="O30:Q30"/>
    <mergeCell ref="O31:Q31"/>
    <mergeCell ref="O32:Q32"/>
    <mergeCell ref="O33:Q33"/>
  </mergeCells>
  <phoneticPr fontId="3"/>
  <pageMargins left="0.23622047244094491" right="0.23622047244094491" top="0.19685039370078741" bottom="0.19685039370078741" header="0.31496062992125984" footer="0.31496062992125984"/>
  <pageSetup paperSize="8" scale="81"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
  <sheetViews>
    <sheetView workbookViewId="0">
      <selection activeCell="G18" sqref="G18"/>
    </sheetView>
  </sheetViews>
  <sheetFormatPr defaultRowHeight="18" x14ac:dyDescent="0.45"/>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令和6年度学校自己評価結果(まとめ） </vt:lpstr>
      <vt:lpstr>Sheet1</vt:lpstr>
      <vt:lpstr>'令和6年度学校自己評価結果(まとめ）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中 柊</dc:creator>
  <cp:lastModifiedBy>神保　元宏</cp:lastModifiedBy>
  <cp:lastPrinted>2025-01-27T02:08:00Z</cp:lastPrinted>
  <dcterms:created xsi:type="dcterms:W3CDTF">2021-01-20T23:21:24Z</dcterms:created>
  <dcterms:modified xsi:type="dcterms:W3CDTF">2025-03-25T23:13:22Z</dcterms:modified>
</cp:coreProperties>
</file>